
<file path=[Content_Types].xml><?xml version="1.0" encoding="utf-8"?>
<Types xmlns="http://schemas.openxmlformats.org/package/2006/content-types">
  <Default Extension="jpe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Masters/slideMaster5.xml" ContentType="application/vnd.openxmlformats-officedocument.presentationml.slideMaster+xml"/>
  <Override PartName="/ppt/slideMasters/slideMaster6.xml" ContentType="application/vnd.openxmlformats-officedocument.presentationml.slideMaster+xml"/>
  <Override PartName="/ppt/slideMasters/slideMaster7.xml" ContentType="application/vnd.openxmlformats-officedocument.presentationml.slideMaster+xml"/>
  <Override PartName="/ppt/slideMasters/slideMaster8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theme/theme2.xml" ContentType="application/vnd.openxmlformats-officedocument.theme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theme/theme3.xml" ContentType="application/vnd.openxmlformats-officedocument.theme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theme/theme4.xml" ContentType="application/vnd.openxmlformats-officedocument.theme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theme/theme5.xml" ContentType="application/vnd.openxmlformats-officedocument.theme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slideLayouts/slideLayout65.xml" ContentType="application/vnd.openxmlformats-officedocument.presentationml.slideLayout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theme/theme6.xml" ContentType="application/vnd.openxmlformats-officedocument.theme+xml"/>
  <Override PartName="/ppt/slideLayouts/slideLayout70.xml" ContentType="application/vnd.openxmlformats-officedocument.presentationml.slideLayout+xml"/>
  <Override PartName="/ppt/slideLayouts/slideLayout71.xml" ContentType="application/vnd.openxmlformats-officedocument.presentationml.slideLayout+xml"/>
  <Override PartName="/ppt/slideLayouts/slideLayout72.xml" ContentType="application/vnd.openxmlformats-officedocument.presentationml.slideLayout+xml"/>
  <Override PartName="/ppt/slideLayouts/slideLayout73.xml" ContentType="application/vnd.openxmlformats-officedocument.presentationml.slideLayout+xml"/>
  <Override PartName="/ppt/slideLayouts/slideLayout74.xml" ContentType="application/vnd.openxmlformats-officedocument.presentationml.slideLayout+xml"/>
  <Override PartName="/ppt/slideLayouts/slideLayout75.xml" ContentType="application/vnd.openxmlformats-officedocument.presentationml.slideLayout+xml"/>
  <Override PartName="/ppt/slideLayouts/slideLayout76.xml" ContentType="application/vnd.openxmlformats-officedocument.presentationml.slideLayout+xml"/>
  <Override PartName="/ppt/slideLayouts/slideLayout77.xml" ContentType="application/vnd.openxmlformats-officedocument.presentationml.slideLayout+xml"/>
  <Override PartName="/ppt/slideLayouts/slideLayout78.xml" ContentType="application/vnd.openxmlformats-officedocument.presentationml.slideLayout+xml"/>
  <Override PartName="/ppt/slideLayouts/slideLayout79.xml" ContentType="application/vnd.openxmlformats-officedocument.presentationml.slideLayout+xml"/>
  <Override PartName="/ppt/slideLayouts/slideLayout80.xml" ContentType="application/vnd.openxmlformats-officedocument.presentationml.slideLayout+xml"/>
  <Override PartName="/ppt/slideLayouts/slideLayout81.xml" ContentType="application/vnd.openxmlformats-officedocument.presentationml.slideLayout+xml"/>
  <Override PartName="/ppt/slideLayouts/slideLayout82.xml" ContentType="application/vnd.openxmlformats-officedocument.presentationml.slideLayout+xml"/>
  <Override PartName="/ppt/slideLayouts/slideLayout83.xml" ContentType="application/vnd.openxmlformats-officedocument.presentationml.slideLayout+xml"/>
  <Override PartName="/ppt/slideLayouts/slideLayout84.xml" ContentType="application/vnd.openxmlformats-officedocument.presentationml.slideLayout+xml"/>
  <Override PartName="/ppt/slideLayouts/slideLayout85.xml" ContentType="application/vnd.openxmlformats-officedocument.presentationml.slideLayout+xml"/>
  <Override PartName="/ppt/slideLayouts/slideLayout86.xml" ContentType="application/vnd.openxmlformats-officedocument.presentationml.slideLayout+xml"/>
  <Override PartName="/ppt/slideLayouts/slideLayout87.xml" ContentType="application/vnd.openxmlformats-officedocument.presentationml.slideLayout+xml"/>
  <Override PartName="/ppt/slideLayouts/slideLayout88.xml" ContentType="application/vnd.openxmlformats-officedocument.presentationml.slideLayout+xml"/>
  <Override PartName="/ppt/theme/theme7.xml" ContentType="application/vnd.openxmlformats-officedocument.theme+xml"/>
  <Override PartName="/ppt/slideLayouts/slideLayout89.xml" ContentType="application/vnd.openxmlformats-officedocument.presentationml.slideLayout+xml"/>
  <Override PartName="/ppt/slideLayouts/slideLayout90.xml" ContentType="application/vnd.openxmlformats-officedocument.presentationml.slideLayout+xml"/>
  <Override PartName="/ppt/slideLayouts/slideLayout91.xml" ContentType="application/vnd.openxmlformats-officedocument.presentationml.slideLayout+xml"/>
  <Override PartName="/ppt/slideLayouts/slideLayout92.xml" ContentType="application/vnd.openxmlformats-officedocument.presentationml.slideLayout+xml"/>
  <Override PartName="/ppt/slideLayouts/slideLayout93.xml" ContentType="application/vnd.openxmlformats-officedocument.presentationml.slideLayout+xml"/>
  <Override PartName="/ppt/slideLayouts/slideLayout94.xml" ContentType="application/vnd.openxmlformats-officedocument.presentationml.slideLayout+xml"/>
  <Override PartName="/ppt/slideLayouts/slideLayout95.xml" ContentType="application/vnd.openxmlformats-officedocument.presentationml.slideLayout+xml"/>
  <Override PartName="/ppt/slideLayouts/slideLayout96.xml" ContentType="application/vnd.openxmlformats-officedocument.presentationml.slideLayout+xml"/>
  <Override PartName="/ppt/slideLayouts/slideLayout97.xml" ContentType="application/vnd.openxmlformats-officedocument.presentationml.slideLayout+xml"/>
  <Override PartName="/ppt/slideLayouts/slideLayout98.xml" ContentType="application/vnd.openxmlformats-officedocument.presentationml.slideLayout+xml"/>
  <Override PartName="/ppt/slideLayouts/slideLayout99.xml" ContentType="application/vnd.openxmlformats-officedocument.presentationml.slideLayout+xml"/>
  <Override PartName="/ppt/theme/theme8.xml" ContentType="application/vnd.openxmlformats-officedocument.theme+xml"/>
  <Override PartName="/ppt/tags/tag2.xml" ContentType="application/vnd.openxmlformats-officedocument.presentationml.tags+xml"/>
  <Override PartName="/ppt/theme/theme9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4.xml" ContentType="application/vnd.openxmlformats-officedocument.presentationml.notesSlide+xml"/>
  <Override PartName="/ppt/tags/tag8.xml" ContentType="application/vnd.openxmlformats-officedocument.presentationml.tags+xml"/>
  <Override PartName="/ppt/notesSlides/notesSlide5.xml" ContentType="application/vnd.openxmlformats-officedocument.presentationml.notesSlide+xml"/>
  <Override PartName="/ppt/tags/tag9.xml" ContentType="application/vnd.openxmlformats-officedocument.presentationml.tags+xml"/>
  <Override PartName="/ppt/notesSlides/notesSlide6.xml" ContentType="application/vnd.openxmlformats-officedocument.presentationml.notesSlide+xml"/>
  <Override PartName="/ppt/tags/tag10.xml" ContentType="application/vnd.openxmlformats-officedocument.presentationml.tags+xml"/>
  <Override PartName="/ppt/notesSlides/notesSlide7.xml" ContentType="application/vnd.openxmlformats-officedocument.presentationml.notesSlide+xml"/>
  <Override PartName="/ppt/tags/tag11.xml" ContentType="application/vnd.openxmlformats-officedocument.presentationml.tags+xml"/>
  <Override PartName="/ppt/notesSlides/notesSlide8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9.xml" ContentType="application/vnd.openxmlformats-officedocument.presentationml.notesSlide+xml"/>
  <Override PartName="/ppt/tags/tag14.xml" ContentType="application/vnd.openxmlformats-officedocument.presentationml.tags+xml"/>
  <Override PartName="/ppt/notesSlides/notesSlide10.xml" ContentType="application/vnd.openxmlformats-officedocument.presentationml.notesSlide+xml"/>
  <Override PartName="/ppt/tags/tag15.xml" ContentType="application/vnd.openxmlformats-officedocument.presentationml.tags+xml"/>
  <Override PartName="/ppt/notesSlides/notesSlide11.xml" ContentType="application/vnd.openxmlformats-officedocument.presentationml.notesSlide+xml"/>
  <Override PartName="/ppt/tags/tag16.xml" ContentType="application/vnd.openxmlformats-officedocument.presentationml.tags+xml"/>
  <Override PartName="/ppt/notesSlides/notesSlide12.xml" ContentType="application/vnd.openxmlformats-officedocument.presentationml.notesSlide+xml"/>
  <Override PartName="/ppt/tags/tag17.xml" ContentType="application/vnd.openxmlformats-officedocument.presentationml.tags+xml"/>
  <Override PartName="/ppt/notesSlides/notesSlide13.xml" ContentType="application/vnd.openxmlformats-officedocument.presentationml.notesSlide+xml"/>
  <Override PartName="/ppt/tags/tag18.xml" ContentType="application/vnd.openxmlformats-officedocument.presentationml.tags+xml"/>
  <Override PartName="/ppt/notesSlides/notesSlide14.xml" ContentType="application/vnd.openxmlformats-officedocument.presentationml.notesSlide+xml"/>
  <Override PartName="/ppt/tags/tag19.xml" ContentType="application/vnd.openxmlformats-officedocument.presentationml.tags+xml"/>
  <Override PartName="/ppt/notesSlides/notesSlide15.xml" ContentType="application/vnd.openxmlformats-officedocument.presentationml.notesSlide+xml"/>
  <Override PartName="/ppt/tags/tag20.xml" ContentType="application/vnd.openxmlformats-officedocument.presentationml.tags+xml"/>
  <Override PartName="/ppt/notesSlides/notesSlide16.xml" ContentType="application/vnd.openxmlformats-officedocument.presentationml.notesSlide+xml"/>
  <Override PartName="/ppt/tags/tag21.xml" ContentType="application/vnd.openxmlformats-officedocument.presentationml.tags+xml"/>
  <Override PartName="/ppt/notesSlides/notesSlide17.xml" ContentType="application/vnd.openxmlformats-officedocument.presentationml.notesSlide+xml"/>
  <Override PartName="/ppt/tags/tag22.xml" ContentType="application/vnd.openxmlformats-officedocument.presentationml.tags+xml"/>
  <Override PartName="/ppt/notesSlides/notesSlide18.xml" ContentType="application/vnd.openxmlformats-officedocument.presentationml.notesSlide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notesSlides/notesSlide19.xml" ContentType="application/vnd.openxmlformats-officedocument.presentationml.notesSlide+xml"/>
  <Override PartName="/ppt/tags/tag25.xml" ContentType="application/vnd.openxmlformats-officedocument.presentationml.tags+xml"/>
  <Override PartName="/ppt/notesSlides/notesSlide20.xml" ContentType="application/vnd.openxmlformats-officedocument.presentationml.notesSlide+xml"/>
  <Override PartName="/ppt/tags/tag26.xml" ContentType="application/vnd.openxmlformats-officedocument.presentationml.tags+xml"/>
  <Override PartName="/ppt/notesSlides/notesSlide21.xml" ContentType="application/vnd.openxmlformats-officedocument.presentationml.notesSlide+xml"/>
  <Override PartName="/ppt/tags/tag27.xml" ContentType="application/vnd.openxmlformats-officedocument.presentationml.tags+xml"/>
  <Override PartName="/ppt/notesSlides/notesSlide22.xml" ContentType="application/vnd.openxmlformats-officedocument.presentationml.notesSlide+xml"/>
  <Override PartName="/ppt/tags/tag28.xml" ContentType="application/vnd.openxmlformats-officedocument.presentationml.tags+xml"/>
  <Override PartName="/ppt/notesSlides/notesSlide23.xml" ContentType="application/vnd.openxmlformats-officedocument.presentationml.notesSlide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notesSlides/notesSlide24.xml" ContentType="application/vnd.openxmlformats-officedocument.presentationml.notesSlide+xml"/>
  <Override PartName="/ppt/tags/tag31.xml" ContentType="application/vnd.openxmlformats-officedocument.presentationml.tags+xml"/>
  <Override PartName="/ppt/notesSlides/notesSlide2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0" r:id="rId2"/>
    <p:sldMasterId id="2147483697" r:id="rId3"/>
    <p:sldMasterId id="2147483710" r:id="rId4"/>
    <p:sldMasterId id="2147483735" r:id="rId5"/>
    <p:sldMasterId id="2147483750" r:id="rId6"/>
    <p:sldMasterId id="2147483762" r:id="rId7"/>
    <p:sldMasterId id="2147483782" r:id="rId8"/>
  </p:sldMasterIdLst>
  <p:notesMasterIdLst>
    <p:notesMasterId r:id="rId34"/>
  </p:notesMasterIdLst>
  <p:sldIdLst>
    <p:sldId id="256" r:id="rId9"/>
    <p:sldId id="258" r:id="rId10"/>
    <p:sldId id="266" r:id="rId11"/>
    <p:sldId id="392" r:id="rId12"/>
    <p:sldId id="287" r:id="rId13"/>
    <p:sldId id="262" r:id="rId14"/>
    <p:sldId id="280" r:id="rId15"/>
    <p:sldId id="281" r:id="rId16"/>
    <p:sldId id="393" r:id="rId17"/>
    <p:sldId id="264" r:id="rId18"/>
    <p:sldId id="265" r:id="rId19"/>
    <p:sldId id="284" r:id="rId20"/>
    <p:sldId id="285" r:id="rId21"/>
    <p:sldId id="286" r:id="rId22"/>
    <p:sldId id="273" r:id="rId23"/>
    <p:sldId id="274" r:id="rId24"/>
    <p:sldId id="288" r:id="rId25"/>
    <p:sldId id="282" r:id="rId26"/>
    <p:sldId id="394" r:id="rId27"/>
    <p:sldId id="268" r:id="rId28"/>
    <p:sldId id="269" r:id="rId29"/>
    <p:sldId id="270" r:id="rId30"/>
    <p:sldId id="395" r:id="rId31"/>
    <p:sldId id="396" r:id="rId32"/>
    <p:sldId id="391" r:id="rId33"/>
  </p:sldIdLst>
  <p:sldSz cx="12192000" cy="6858000"/>
  <p:notesSz cx="6858000" cy="9144000"/>
  <p:custDataLst>
    <p:tags r:id="rId35"/>
  </p:custDataLst>
  <p:defaultTextStyle>
    <a:defPPr>
      <a:defRPr lang="tr-T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999FCF"/>
    <a:srgbClr val="CCB82D"/>
    <a:srgbClr val="F7F7F7"/>
    <a:srgbClr val="F12F33"/>
    <a:srgbClr val="00B050"/>
    <a:srgbClr val="009999"/>
    <a:srgbClr val="283D65"/>
    <a:srgbClr val="233659"/>
    <a:srgbClr val="2A416B"/>
    <a:srgbClr val="FCA557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54" d="100"/>
          <a:sy n="54" d="100"/>
        </p:scale>
        <p:origin x="1124" y="5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5.xml"/><Relationship Id="rId18" Type="http://schemas.openxmlformats.org/officeDocument/2006/relationships/slide" Target="slides/slide10.xml"/><Relationship Id="rId26" Type="http://schemas.openxmlformats.org/officeDocument/2006/relationships/slide" Target="slides/slide18.xml"/><Relationship Id="rId39" Type="http://schemas.openxmlformats.org/officeDocument/2006/relationships/tableStyles" Target="tableStyles.xml"/><Relationship Id="rId21" Type="http://schemas.openxmlformats.org/officeDocument/2006/relationships/slide" Target="slides/slide13.xml"/><Relationship Id="rId34" Type="http://schemas.openxmlformats.org/officeDocument/2006/relationships/notesMaster" Target="notesMasters/notesMaster1.xml"/><Relationship Id="rId7" Type="http://schemas.openxmlformats.org/officeDocument/2006/relationships/slideMaster" Target="slideMasters/slideMaster7.xml"/><Relationship Id="rId12" Type="http://schemas.openxmlformats.org/officeDocument/2006/relationships/slide" Target="slides/slide4.xml"/><Relationship Id="rId17" Type="http://schemas.openxmlformats.org/officeDocument/2006/relationships/slide" Target="slides/slide9.xml"/><Relationship Id="rId25" Type="http://schemas.openxmlformats.org/officeDocument/2006/relationships/slide" Target="slides/slide17.xml"/><Relationship Id="rId33" Type="http://schemas.openxmlformats.org/officeDocument/2006/relationships/slide" Target="slides/slide25.xml"/><Relationship Id="rId38" Type="http://schemas.openxmlformats.org/officeDocument/2006/relationships/theme" Target="theme/theme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8.xml"/><Relationship Id="rId20" Type="http://schemas.openxmlformats.org/officeDocument/2006/relationships/slide" Target="slides/slide12.xml"/><Relationship Id="rId29" Type="http://schemas.openxmlformats.org/officeDocument/2006/relationships/slide" Target="slides/slide21.xml"/><Relationship Id="rId1" Type="http://schemas.openxmlformats.org/officeDocument/2006/relationships/slideMaster" Target="slideMasters/slideMaster1.xml"/><Relationship Id="rId6" Type="http://schemas.openxmlformats.org/officeDocument/2006/relationships/slideMaster" Target="slideMasters/slideMaster6.xml"/><Relationship Id="rId11" Type="http://schemas.openxmlformats.org/officeDocument/2006/relationships/slide" Target="slides/slide3.xml"/><Relationship Id="rId24" Type="http://schemas.openxmlformats.org/officeDocument/2006/relationships/slide" Target="slides/slide16.xml"/><Relationship Id="rId32" Type="http://schemas.openxmlformats.org/officeDocument/2006/relationships/slide" Target="slides/slide24.xml"/><Relationship Id="rId37" Type="http://schemas.openxmlformats.org/officeDocument/2006/relationships/viewProps" Target="viewProps.xml"/><Relationship Id="rId5" Type="http://schemas.openxmlformats.org/officeDocument/2006/relationships/slideMaster" Target="slideMasters/slideMaster5.xml"/><Relationship Id="rId15" Type="http://schemas.openxmlformats.org/officeDocument/2006/relationships/slide" Target="slides/slide7.xml"/><Relationship Id="rId23" Type="http://schemas.openxmlformats.org/officeDocument/2006/relationships/slide" Target="slides/slide15.xml"/><Relationship Id="rId28" Type="http://schemas.openxmlformats.org/officeDocument/2006/relationships/slide" Target="slides/slide20.xml"/><Relationship Id="rId36" Type="http://schemas.openxmlformats.org/officeDocument/2006/relationships/presProps" Target="presProps.xml"/><Relationship Id="rId10" Type="http://schemas.openxmlformats.org/officeDocument/2006/relationships/slide" Target="slides/slide2.xml"/><Relationship Id="rId19" Type="http://schemas.openxmlformats.org/officeDocument/2006/relationships/slide" Target="slides/slide11.xml"/><Relationship Id="rId31" Type="http://schemas.openxmlformats.org/officeDocument/2006/relationships/slide" Target="slides/slide23.xml"/><Relationship Id="rId4" Type="http://schemas.openxmlformats.org/officeDocument/2006/relationships/slideMaster" Target="slideMasters/slideMaster4.xml"/><Relationship Id="rId9" Type="http://schemas.openxmlformats.org/officeDocument/2006/relationships/slide" Target="slides/slide1.xml"/><Relationship Id="rId14" Type="http://schemas.openxmlformats.org/officeDocument/2006/relationships/slide" Target="slides/slide6.xml"/><Relationship Id="rId22" Type="http://schemas.openxmlformats.org/officeDocument/2006/relationships/slide" Target="slides/slide14.xml"/><Relationship Id="rId27" Type="http://schemas.openxmlformats.org/officeDocument/2006/relationships/slide" Target="slides/slide19.xml"/><Relationship Id="rId30" Type="http://schemas.openxmlformats.org/officeDocument/2006/relationships/slide" Target="slides/slide22.xml"/><Relationship Id="rId35" Type="http://schemas.openxmlformats.org/officeDocument/2006/relationships/tags" Target="tags/tag1.xml"/><Relationship Id="rId8" Type="http://schemas.openxmlformats.org/officeDocument/2006/relationships/slideMaster" Target="slideMasters/slideMaster8.xml"/><Relationship Id="rId3" Type="http://schemas.openxmlformats.org/officeDocument/2006/relationships/slideMaster" Target="slideMasters/slideMaster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9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Üstbilgi Yer Tutucusu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3" name="Veri Yer Tutucusu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D699EC2-4F83-488E-B4A1-8B6F69DE01B9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4" name="Slayt Görüntüsü Yer Tutucus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tr-TR"/>
          </a:p>
        </p:txBody>
      </p:sp>
      <p:sp>
        <p:nvSpPr>
          <p:cNvPr id="5" name="Not Yer Tutucusu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0B93A571-2327-4217-852C-1DDA9E025CE0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08477230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32127539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2282654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46807955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3694563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31858692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4520931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878413988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60304274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373503082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12802341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1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404769415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854797006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2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33817995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2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906131734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2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803231533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2B4265A-3C62-EFF6-CF0C-92C0C7D4DDD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>
            <a:extLst>
              <a:ext uri="{FF2B5EF4-FFF2-40B4-BE49-F238E27FC236}">
                <a16:creationId xmlns:a16="http://schemas.microsoft.com/office/drawing/2014/main" id="{97EBEAB4-4C02-89C1-70D6-F89FCCC1B2AE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>
            <a:extLst>
              <a:ext uri="{FF2B5EF4-FFF2-40B4-BE49-F238E27FC236}">
                <a16:creationId xmlns:a16="http://schemas.microsoft.com/office/drawing/2014/main" id="{CBF33D4C-4CDB-5E9F-F403-19CE5BCD48C3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>
            <a:extLst>
              <a:ext uri="{FF2B5EF4-FFF2-40B4-BE49-F238E27FC236}">
                <a16:creationId xmlns:a16="http://schemas.microsoft.com/office/drawing/2014/main" id="{B2376DDF-4C92-2332-7021-8319B49D8B34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0B93A571-2327-4217-852C-1DDA9E025CE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3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06255276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2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232417223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5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93758769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38207936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Google Shape;1026;g6039a3cf85_1_60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027" name="Google Shape;1027;g6039a3cf85_1_60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44614875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73695317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78150097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84558752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93A571-2327-4217-852C-1DDA9E025CE0}" type="slidenum">
              <a:rPr lang="tr-TR" smtClean="0"/>
              <a:t>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0661840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5.xml"/></Relationships>
</file>

<file path=ppt/slideLayouts/_rels/slideLayout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5.xml"/></Relationships>
</file>

<file path=ppt/slideLayouts/_rels/slideLayout5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5.xml"/></Relationships>
</file>

<file path=ppt/slideLayouts/_rels/slideLayout5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5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69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6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7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5.xml.rels><?xml version="1.0" encoding="UTF-8" standalone="yes"?>
<Relationships xmlns="http://schemas.openxmlformats.org/package/2006/relationships"><Relationship Id="rId3" Type="http://schemas.openxmlformats.org/officeDocument/2006/relationships/hyperlink" Target="http://bit.ly/2TyoMsr" TargetMode="External"/><Relationship Id="rId2" Type="http://schemas.openxmlformats.org/officeDocument/2006/relationships/hyperlink" Target="http://bit.ly/2Tynxth" TargetMode="External"/><Relationship Id="rId1" Type="http://schemas.openxmlformats.org/officeDocument/2006/relationships/slideMaster" Target="../slideMasters/slideMaster7.xml"/><Relationship Id="rId4" Type="http://schemas.openxmlformats.org/officeDocument/2006/relationships/hyperlink" Target="http://bit.ly/2TtBDfr" TargetMode="External"/></Relationships>
</file>

<file path=ppt/slideLayouts/_rels/slideLayout8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8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8.xml"/><Relationship Id="rId1" Type="http://schemas.openxmlformats.org/officeDocument/2006/relationships/tags" Target="../tags/tag2.xml"/></Relationships>
</file>

<file path=ppt/slideLayouts/_rels/slideLayout9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9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421365275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119094613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95358351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44D9931-F867-4A7F-BC66-EBFB0E9B73AE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85AE45D1-18E7-4B87-AC2D-B47D5778F14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F583F-3D39-4E7C-B24B-BDCA8CE61B3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DA7301A-C24E-4A4B-AB60-17C5DB8AD87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8A1ABC5-74D1-4742-A4A8-1FC401310E5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5934264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ABE3E5E-5065-4CDC-BF14-63DD614D992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B3103B36-3CB0-482B-BA33-E0B9645D06B0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F5AF23A-BDC4-4404-BDA2-C6CB5503F23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F4D964B-FD20-49C4-BE31-6D23125F7CF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C5072A1-5A20-439B-B5D5-0AF2D0BD62B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80913793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F9B72C7-9BC9-4F8A-91DC-782F7B7AB1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D107E6C-5DF3-4B0A-81C3-74540183F82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AF3D7DD-56E4-43A5-B228-5DB4CF5A780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242A59F-98DE-49C3-B94A-63A5B0E302B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BAFACA32-7B72-4ACC-9076-BF1B7827971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64036300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595EC48-EF56-44E4-90D7-0F0FE75FC06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3F28E54E-89FD-4967-801A-99C674EE702B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CC460E6D-6A80-4F2B-9328-F3BAD577171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B2359BF-2861-498F-85CD-2D23AB30E5B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B7DB7D1D-4822-4EBE-9FAD-1B7B42A2AF0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7D53C764-5C99-44FA-A8FC-54212E5B197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77930304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B2D5D49-6CF6-496F-9C71-3D403E44BEC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650BA117-191C-4DEE-B069-1C5BD86D606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550211C1-772E-4A77-84AE-788EB5F726C6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12D24565-2917-4AD1-96B8-180480BD85E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5753FB2E-55B6-4B60-AED0-D1EC1AD47BA1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45F15BF6-1134-435F-B0BA-0553828E656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5CB3C7F9-B848-4226-89C2-B5798A29D70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4636CEF7-7C3B-4203-8A45-862BD389B89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03951083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86E8771-390B-4ADA-8B2A-96F324FD86A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1ED00976-B167-4D2D-AF0E-DD0D8E2F656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131F5BF1-C2FE-4338-AEE2-D87D34B3080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2B2A1886-B845-43EF-B58D-823102EB633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55139681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1210C5E4-3788-4DBE-9579-A252D597A4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5453E6AC-33F3-44DC-8D42-95C12C8DA1B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BD7460B-55F6-4B8E-9E12-2D63CAE380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80792082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F6F216F-F463-4F97-A1E9-91D4AC9A0E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CB62DBC7-E109-41D6-BDBD-4FA98DBEDED9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ABA38FD7-74D0-4077-A358-D8102960FC12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05F9B7CE-5C1F-4539-825B-EF00A05A0FC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DC984C4B-8F38-4FED-8839-0D21BA8D130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CAFFD552-48F0-453E-93E5-74A97351E39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53316556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707197234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A64175E-770A-42A3-B28F-62D1666DEB1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52C86ADC-5468-4794-B1E2-D3B7BBB090C3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A7869224-0870-46AF-97C3-F8868BF504B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0BF8DEB7-4817-4F97-AC48-3415A403658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ECC0DAA8-777D-48AF-A2AE-BE558BE3D0E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9A463AC2-BE0E-4ACA-A151-602CFEFA087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543911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1A3CA1F-C7EA-4BAF-9426-8F54D11E7D3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5B665AB-F079-4CBC-8B37-A8C8C71BA334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3F42302A-4D27-494E-924C-A2A8FF37B12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AB11201-9F1E-4CCB-A958-5DC13E5A2D6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395261C-BA4C-4CEC-AC01-0EDE8D7A8CA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29432861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0D862B18-B325-441A-9DED-B5C23DB5B45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ABA6F984-A1C5-4DE1-90F5-85F83C07731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9AF8635-ED33-4548-9AEC-FB97C7A308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D37F75C-5291-44AF-8E12-05C73851EFD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054EA5E-22B2-4D56-8AD3-A076E48475A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59695153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60023875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04367764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00368488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12802873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27311517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81273599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2836734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676353889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51300099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78502430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25743470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89861548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1502893523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889E996-50B7-4B93-9427-66E1B6E42FCF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B8C74AA6-3094-43ED-BE8E-3577DBF6B9C7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4C8F0AB-EF87-41A5-8972-28B2F8F3D4D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6FFF2D9-159C-4F83-9CF9-EE81E7F46ED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11F7EA9-84BF-4F61-B8C8-5162B932A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22862608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40D9446-E7E4-4EDF-8308-59D78AFD08F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97EE103B-2B31-4464-A33E-CB558931BDB9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1B0CEF7-80C1-452E-ADC9-FDFF23E7F5F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C83F635-78D4-4D22-AB16-E7999AEC546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B0B00001-AE02-4831-BA13-316B50B8D52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59714979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1168E12-FAEA-4714-9B93-0BAE46154A1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22C6726-A869-49C5-BF0D-307291D24623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8A30096-D1FD-4941-8C09-E3E8702EB3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619840D-E50B-4FB6-A7A7-B45485C67E7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F8DEB1B-7177-48B3-A1A3-31CA05BFCD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04945474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C79C3CF-841F-47EC-BCBF-31969C9B65F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381F7E16-E745-4A7B-A2B8-D60C8F1F11C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1CEBA891-F16F-445E-9661-EB7F7958156E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D3FBC872-0C56-4D83-BBDC-2C68A0C37E0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251C768-E8A2-4122-922E-0BCD6D77125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F31A63C1-2157-4F97-887F-8E42AE8EA0E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64938658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3366F1F-AEBE-4A59-B44F-78689A204DB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4C212A6-E584-4230-AE52-69993C49163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411CFA1C-56AF-4DB0-BBE3-2B3ED15BF1AA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6AD443E5-16A1-4DD8-84E3-F65520DA77E5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4A375C6-9A4B-4E35-BB01-8F9D1FF3EB7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CDEA77D5-0BD3-4229-87A9-D0066CEB283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E680BAC4-28CD-4A92-8382-3C0BCE2F119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5346A980-0674-40E9-9071-AB24A5F290A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364039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209560077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BE50406-184C-4341-A1A7-78F924B0080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85A9397E-F44B-4491-B5E1-B61BA88D82A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3759B195-2A2E-42DF-A357-4A60D57A38F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ED138783-C94C-4114-8EDF-C4718E706A9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68715986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B7A56E75-6525-4EE3-9907-16792373A90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A6E3544C-EBB5-4C66-B632-410B04E3D68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32EFC21-375A-4E70-AB6C-DF7024E932F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49739846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9091EE4-BDD5-4FBA-B917-3CCEE6DF6B6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93FBE877-30F2-464A-B1FF-025A2C01A1A0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6E1F5D5B-9381-4EC4-A3B3-9990B8C34769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60326F7F-ED8B-456A-8A36-58A551971F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70BE978-C27D-4F6E-A782-B700D869C5E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F5006997-7828-4495-8B75-0A25C129B54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88895990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6EAA891-333C-4458-B408-E1162FAC112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712811D3-F5FC-499B-A6DA-A892A4C24DC9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CB87D128-D18A-4F57-BDB0-409B32B7891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F9D103A-4447-4434-A204-6AD19E3C1C5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A733695B-EF29-46D9-85FB-FB6230633F4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47A4500-4BF6-4029-B2E8-1BDBB237A3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62531352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4C9DED4-3D2A-4E2C-9964-9E2462B8D15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C5B4E132-9DDB-4401-BC9A-4BEE9F7FE4AB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1817860-25C0-4638-88F3-95A67CF89F2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D928F7C-D9EF-4396-8199-AE8C2C89263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86660FDC-4CAE-49AA-A0B8-2686170F000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17195467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D99D7170-EC6B-47F5-BF3F-3FE7DC14C839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200FC554-767A-4B10-A6DB-FD93CBEAF94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C749E99-47F1-4E36-8778-C1EC4E9A9B3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0EEE904-D742-40C1-B564-E768ED7DD99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8C86602-A51B-4AAA-8A66-B31DB5761B5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51861733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genda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602384539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 userDrawn="1"/>
        </p:nvGrpSpPr>
        <p:grpSpPr>
          <a:xfrm>
            <a:off x="3791744" y="502830"/>
            <a:ext cx="4608512" cy="4620329"/>
            <a:chOff x="1115616" y="1275607"/>
            <a:chExt cx="2585656" cy="2592286"/>
          </a:xfrm>
        </p:grpSpPr>
        <p:pic>
          <p:nvPicPr>
            <p:cNvPr id="5" name="Picture 2" descr="E:\002-KIMS BUSINESS\007-02-Googleslidesppt\02-GSppt-Contents-Kim\20170215\03-abs\item01-png.png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115616" y="1275607"/>
              <a:ext cx="2585656" cy="259228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6" name="Oval 5"/>
            <p:cNvSpPr/>
            <p:nvPr userDrawn="1"/>
          </p:nvSpPr>
          <p:spPr>
            <a:xfrm>
              <a:off x="1796376" y="1959682"/>
              <a:ext cx="1224136" cy="1224136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  <a:effectLst>
              <a:innerShdw blurRad="63500" dist="38100" dir="18900000">
                <a:prstClr val="black">
                  <a:alpha val="29000"/>
                </a:prstClr>
              </a:inn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</p:grp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3772131" y="5106393"/>
            <a:ext cx="4608512" cy="76808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1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Welcome!!</a:t>
            </a: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3771933" y="5925277"/>
            <a:ext cx="4608512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024512094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235531263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50705535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886391393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1151424" y="2133096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6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3789508" y="2129832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6446311" y="2129832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8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9102681" y="2133096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2" name="Block Arc 1"/>
          <p:cNvSpPr/>
          <p:nvPr userDrawn="1"/>
        </p:nvSpPr>
        <p:spPr>
          <a:xfrm>
            <a:off x="911424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2" name="Block Arc 11"/>
          <p:cNvSpPr/>
          <p:nvPr userDrawn="1"/>
        </p:nvSpPr>
        <p:spPr>
          <a:xfrm>
            <a:off x="3561843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3" name="Block Arc 12"/>
          <p:cNvSpPr/>
          <p:nvPr userDrawn="1"/>
        </p:nvSpPr>
        <p:spPr>
          <a:xfrm>
            <a:off x="6212261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4" name="Block Arc 13"/>
          <p:cNvSpPr/>
          <p:nvPr userDrawn="1"/>
        </p:nvSpPr>
        <p:spPr>
          <a:xfrm>
            <a:off x="8862681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7" name="Text Placeholder 9">
            <a:extLst>
              <a:ext uri="{FF2B5EF4-FFF2-40B4-BE49-F238E27FC236}">
                <a16:creationId xmlns:a16="http://schemas.microsoft.com/office/drawing/2014/main" id="{EDBECCA6-8618-46C3-A8D4-3B6399CCEF88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8" name="Text Placeholder 9">
            <a:extLst>
              <a:ext uri="{FF2B5EF4-FFF2-40B4-BE49-F238E27FC236}">
                <a16:creationId xmlns:a16="http://schemas.microsoft.com/office/drawing/2014/main" id="{1D40A599-6D66-4DC9-82BB-52C171B56BB6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213756493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con sets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CON SETS LAYOUT</a:t>
            </a:r>
          </a:p>
        </p:txBody>
      </p:sp>
      <p:grpSp>
        <p:nvGrpSpPr>
          <p:cNvPr id="5" name="Group 4"/>
          <p:cNvGrpSpPr/>
          <p:nvPr userDrawn="1"/>
        </p:nvGrpSpPr>
        <p:grpSpPr>
          <a:xfrm>
            <a:off x="472011" y="1508786"/>
            <a:ext cx="3799787" cy="4865561"/>
            <a:chOff x="354008" y="1131589"/>
            <a:chExt cx="2849840" cy="3649171"/>
          </a:xfrm>
        </p:grpSpPr>
        <p:sp>
          <p:nvSpPr>
            <p:cNvPr id="6" name="Rounded Rectangle 5"/>
            <p:cNvSpPr/>
            <p:nvPr/>
          </p:nvSpPr>
          <p:spPr>
            <a:xfrm>
              <a:off x="354008" y="1131589"/>
              <a:ext cx="2849840" cy="3649171"/>
            </a:xfrm>
            <a:prstGeom prst="roundRect">
              <a:avLst>
                <a:gd name="adj" fmla="val 3968"/>
              </a:avLst>
            </a:prstGeom>
            <a:solidFill>
              <a:schemeClr val="accent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  <p:sp>
          <p:nvSpPr>
            <p:cNvPr id="9" name="Rounded Rectangle 8"/>
            <p:cNvSpPr/>
            <p:nvPr/>
          </p:nvSpPr>
          <p:spPr>
            <a:xfrm>
              <a:off x="531932" y="1347500"/>
              <a:ext cx="108520" cy="3240473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41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  <p:sp>
          <p:nvSpPr>
            <p:cNvPr id="12" name="Half Frame 11"/>
            <p:cNvSpPr/>
            <p:nvPr/>
          </p:nvSpPr>
          <p:spPr>
            <a:xfrm rot="5400000">
              <a:off x="2592642" y="1238201"/>
              <a:ext cx="502331" cy="502331"/>
            </a:xfrm>
            <a:prstGeom prst="halfFrame">
              <a:avLst>
                <a:gd name="adj1" fmla="val 23728"/>
                <a:gd name="adj2" fmla="val 24642"/>
              </a:avLst>
            </a:prstGeom>
            <a:solidFill>
              <a:schemeClr val="bg1">
                <a:alpha val="23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516166714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3695733" y="1873019"/>
            <a:ext cx="8496267" cy="403244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5" name="Text Placeholder 9">
            <a:extLst>
              <a:ext uri="{FF2B5EF4-FFF2-40B4-BE49-F238E27FC236}">
                <a16:creationId xmlns:a16="http://schemas.microsoft.com/office/drawing/2014/main" id="{A6C3AF05-0B8F-485E-983F-1B40340199EC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6" name="Text Placeholder 9">
            <a:extLst>
              <a:ext uri="{FF2B5EF4-FFF2-40B4-BE49-F238E27FC236}">
                <a16:creationId xmlns:a16="http://schemas.microsoft.com/office/drawing/2014/main" id="{D183D1CC-DF98-45E3-B7CE-601603E40D08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883691331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0" y="0"/>
            <a:ext cx="4079776" cy="29280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6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8112000" y="3930000"/>
            <a:ext cx="4080000" cy="29280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2668662498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4704523" y="0"/>
            <a:ext cx="2831637" cy="4293096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9360363" y="2564904"/>
            <a:ext cx="2831637" cy="4293096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143493612"/>
      </p:ext>
    </p:extLst>
  </p:cSld>
  <p:clrMapOvr>
    <a:masterClrMapping/>
  </p:clrMapOvr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7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957145" y="1700808"/>
            <a:ext cx="3264727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1" hasCustomPrompt="1"/>
          </p:nvPr>
        </p:nvSpPr>
        <p:spPr>
          <a:xfrm>
            <a:off x="4452723" y="1700808"/>
            <a:ext cx="3264364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4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7947939" y="1700808"/>
            <a:ext cx="3264364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7" name="Text Placeholder 9">
            <a:extLst>
              <a:ext uri="{FF2B5EF4-FFF2-40B4-BE49-F238E27FC236}">
                <a16:creationId xmlns:a16="http://schemas.microsoft.com/office/drawing/2014/main" id="{DDA4CE02-F7F3-4BCD-B8DB-4DFD03965EC0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8" name="Text Placeholder 9">
            <a:extLst>
              <a:ext uri="{FF2B5EF4-FFF2-40B4-BE49-F238E27FC236}">
                <a16:creationId xmlns:a16="http://schemas.microsoft.com/office/drawing/2014/main" id="{39A54B34-6F96-4E3E-B72E-E680E3CE2717}"/>
              </a:ext>
            </a:extLst>
          </p:cNvPr>
          <p:cNvSpPr>
            <a:spLocks noGrp="1"/>
          </p:cNvSpPr>
          <p:nvPr>
            <p:ph type="body" sz="quarter" idx="14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534691616"/>
      </p:ext>
    </p:extLst>
  </p:cSld>
  <p:clrMapOvr>
    <a:masterClrMapping/>
  </p:clrMapOvr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8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3" descr="D:\Fullppt\005-PNG이미지\모니터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6382" y="1700809"/>
            <a:ext cx="3898337" cy="33581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3" descr="D:\Fullppt\005-PNG이미지\모니터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96862" y="1700809"/>
            <a:ext cx="3898337" cy="33581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2110208" y="1832542"/>
            <a:ext cx="3600000" cy="211311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5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6427952" y="1832542"/>
            <a:ext cx="3648000" cy="211311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8" name="Text Placeholder 9">
            <a:extLst>
              <a:ext uri="{FF2B5EF4-FFF2-40B4-BE49-F238E27FC236}">
                <a16:creationId xmlns:a16="http://schemas.microsoft.com/office/drawing/2014/main" id="{2F3CBFE9-6225-4EAB-9415-3558F6BE9A6F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9" name="Text Placeholder 9">
            <a:extLst>
              <a:ext uri="{FF2B5EF4-FFF2-40B4-BE49-F238E27FC236}">
                <a16:creationId xmlns:a16="http://schemas.microsoft.com/office/drawing/2014/main" id="{9E9189EF-3C10-45A2-8749-4187192ACEC2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920663676"/>
      </p:ext>
    </p:extLst>
  </p:cSld>
  <p:clrMapOvr>
    <a:masterClrMapping/>
  </p:clrMapOvr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9_Basic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onut 3"/>
          <p:cNvSpPr/>
          <p:nvPr userDrawn="1"/>
        </p:nvSpPr>
        <p:spPr>
          <a:xfrm>
            <a:off x="3796148" y="1572993"/>
            <a:ext cx="4535419" cy="4535419"/>
          </a:xfrm>
          <a:prstGeom prst="donut">
            <a:avLst>
              <a:gd name="adj" fmla="val 1353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pic>
        <p:nvPicPr>
          <p:cNvPr id="5" name="Picture 2" descr="D:\Fullppt\PNG이미지\핸드폰2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46967" y="1438674"/>
            <a:ext cx="4497771" cy="54467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4755105" y="1622871"/>
            <a:ext cx="2593953" cy="400686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9" name="Text Placeholder 9">
            <a:extLst>
              <a:ext uri="{FF2B5EF4-FFF2-40B4-BE49-F238E27FC236}">
                <a16:creationId xmlns:a16="http://schemas.microsoft.com/office/drawing/2014/main" id="{9B4F25E9-AA8C-4BD3-BF1F-56D20DF8DD5E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840BDE80-4E1C-47DE-8168-381888FDC3F5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295205020"/>
      </p:ext>
    </p:extLst>
  </p:cSld>
  <p:clrMapOvr>
    <a:masterClrMapping/>
  </p:clrMapOvr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6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728952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728504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4" name="Rectangle 3"/>
          <p:cNvSpPr/>
          <p:nvPr userDrawn="1"/>
        </p:nvSpPr>
        <p:spPr>
          <a:xfrm>
            <a:off x="728504" y="2956276"/>
            <a:ext cx="2592000" cy="707936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5" name="Rectangle 4"/>
          <p:cNvSpPr/>
          <p:nvPr userDrawn="1"/>
        </p:nvSpPr>
        <p:spPr>
          <a:xfrm>
            <a:off x="728056" y="5447872"/>
            <a:ext cx="2592000" cy="70793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6" name="Picture Placeholder 2"/>
          <p:cNvSpPr>
            <a:spLocks noGrp="1"/>
          </p:cNvSpPr>
          <p:nvPr>
            <p:ph type="pic" idx="11" hasCustomPrompt="1"/>
          </p:nvPr>
        </p:nvSpPr>
        <p:spPr>
          <a:xfrm>
            <a:off x="3444409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3443961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8" name="Rectangle 7"/>
          <p:cNvSpPr/>
          <p:nvPr userDrawn="1"/>
        </p:nvSpPr>
        <p:spPr>
          <a:xfrm>
            <a:off x="3443961" y="2956276"/>
            <a:ext cx="2592000" cy="707936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9" name="Rectangle 8"/>
          <p:cNvSpPr/>
          <p:nvPr userDrawn="1"/>
        </p:nvSpPr>
        <p:spPr>
          <a:xfrm>
            <a:off x="3443513" y="5447872"/>
            <a:ext cx="2592000" cy="707936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0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6159867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1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6159419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2" name="Rectangle 11"/>
          <p:cNvSpPr/>
          <p:nvPr userDrawn="1"/>
        </p:nvSpPr>
        <p:spPr>
          <a:xfrm>
            <a:off x="6159419" y="2956276"/>
            <a:ext cx="2592000" cy="707936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3" name="Rectangle 12"/>
          <p:cNvSpPr/>
          <p:nvPr userDrawn="1"/>
        </p:nvSpPr>
        <p:spPr>
          <a:xfrm>
            <a:off x="6158971" y="5447872"/>
            <a:ext cx="2592000" cy="707936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4" name="Picture Placeholder 2"/>
          <p:cNvSpPr>
            <a:spLocks noGrp="1"/>
          </p:cNvSpPr>
          <p:nvPr>
            <p:ph type="pic" idx="15" hasCustomPrompt="1"/>
          </p:nvPr>
        </p:nvSpPr>
        <p:spPr>
          <a:xfrm>
            <a:off x="8875325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5" name="Picture Placeholder 2"/>
          <p:cNvSpPr>
            <a:spLocks noGrp="1"/>
          </p:cNvSpPr>
          <p:nvPr>
            <p:ph type="pic" idx="16" hasCustomPrompt="1"/>
          </p:nvPr>
        </p:nvSpPr>
        <p:spPr>
          <a:xfrm>
            <a:off x="8874877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6" name="Rectangle 15"/>
          <p:cNvSpPr/>
          <p:nvPr userDrawn="1"/>
        </p:nvSpPr>
        <p:spPr>
          <a:xfrm>
            <a:off x="8874877" y="2956276"/>
            <a:ext cx="2592000" cy="70793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7" name="Rectangle 16"/>
          <p:cNvSpPr/>
          <p:nvPr userDrawn="1"/>
        </p:nvSpPr>
        <p:spPr>
          <a:xfrm>
            <a:off x="8874429" y="5447872"/>
            <a:ext cx="2592000" cy="707936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4171698"/>
      </p:ext>
    </p:extLst>
  </p:cSld>
  <p:clrMapOvr>
    <a:masterClrMapping/>
  </p:clrMapOvr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9984396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545017942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5675346" y="6492876"/>
            <a:ext cx="841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2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en-US" altLang="ko-KR" sz="1200" b="0" i="0" u="none" strike="noStrike" kern="1200" cap="none" spc="0" normalizeH="0" baseline="0" noProof="0" smtClean="0">
                <a:ln>
                  <a:noFill/>
                </a:ln>
                <a:solidFill>
                  <a:prstClr val="white">
                    <a:lumMod val="50000"/>
                  </a:prstClr>
                </a:solidFill>
                <a:effectLst/>
                <a:uLnTx/>
                <a:uFillTx/>
                <a:latin typeface="Bahnschrift SemiCondensed" panose="020B0502040204020203" pitchFamily="34" charset="0"/>
                <a:ea typeface="맑은 고딕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altLang="ko-KR" sz="1200" b="0" i="0" u="none" strike="noStrike" kern="1200" cap="none" spc="0" normalizeH="0" baseline="0" noProof="0" dirty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Bahnschrift SemiCondensed" panose="020B0502040204020203" pitchFamily="34" charset="0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209255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6186456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65515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278822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5010944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23365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9456373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565515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278822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5010944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723365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9456373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565515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278822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5010944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723365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9456373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65515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278822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5010944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723365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456373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7154546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122029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Gradi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88835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lumMod val="0"/>
                  <a:lumOff val="100000"/>
                </a:schemeClr>
              </a:gs>
              <a:gs pos="53000">
                <a:schemeClr val="accent5">
                  <a:lumMod val="0"/>
                  <a:lumOff val="100000"/>
                </a:schemeClr>
              </a:gs>
              <a:gs pos="100000">
                <a:schemeClr val="bg1">
                  <a:lumMod val="85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419712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993969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252528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890718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6096000" y="0"/>
            <a:ext cx="6096000" cy="6858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301650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0"/>
            <a:ext cx="6085840" cy="2495550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0"/>
            <a:ext cx="6106160" cy="2495550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or Comment on the Post.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479040" y="3960495"/>
            <a:ext cx="112776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8575040" y="3960495"/>
            <a:ext cx="1127760" cy="84582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8919211" y="4090461"/>
            <a:ext cx="439420" cy="585891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158728" y="254840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700" marR="0" lvl="0" indent="-26670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04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931840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590647833"/>
      </p:ext>
    </p:extLst>
  </p:cSld>
  <p:clrMapOvr>
    <a:masterClrMapping/>
  </p:clrMapOvr>
</p:sldLayout>
</file>

<file path=ppt/slideLayouts/slideLayout7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OPEN TITLE" type="title">
  <p:cSld name="OPEN TITLE">
    <p:spTree>
      <p:nvGrpSpPr>
        <p:cNvPr id="1" name="Shape 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oogle Shape;9;p2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0" name="Google Shape;10;p2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" name="Google Shape;11;p2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" name="Google Shape;12;p2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3" name="Google Shape;13;p2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" name="Google Shape;14;p2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5" name="Google Shape;15;p2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" name="Google Shape;16;p2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" name="Google Shape;17;p2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" name="Google Shape;18;p2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" name="Google Shape;19;p2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" name="Google Shape;20;p2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" name="Google Shape;21;p2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2" name="Google Shape;22;p2"/>
          <p:cNvSpPr txBox="1">
            <a:spLocks noGrp="1"/>
          </p:cNvSpPr>
          <p:nvPr>
            <p:ph type="ctrTitle"/>
          </p:nvPr>
        </p:nvSpPr>
        <p:spPr>
          <a:xfrm>
            <a:off x="415600" y="1930400"/>
            <a:ext cx="11360800" cy="19420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3600"/>
              <a:buFont typeface="Permanent Marker"/>
              <a:buNone/>
              <a:defRPr sz="48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>
              <a:spcBef>
                <a:spcPts val="0"/>
              </a:spcBef>
              <a:spcAft>
                <a:spcPts val="0"/>
              </a:spcAft>
              <a:buSzPts val="5200"/>
              <a:buFont typeface="Permanent Marker"/>
              <a:buNone/>
              <a:defRPr sz="6933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3" name="Google Shape;23;p2"/>
          <p:cNvSpPr txBox="1">
            <a:spLocks noGrp="1"/>
          </p:cNvSpPr>
          <p:nvPr>
            <p:ph type="subTitle" idx="1"/>
          </p:nvPr>
        </p:nvSpPr>
        <p:spPr>
          <a:xfrm>
            <a:off x="415600" y="3849867"/>
            <a:ext cx="113608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584419222"/>
      </p:ext>
    </p:extLst>
  </p:cSld>
  <p:clrMapOvr>
    <a:masterClrMapping/>
  </p:clrMapOvr>
</p:sldLayout>
</file>

<file path=ppt/slideLayouts/slideLayout7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BULLET POINTS">
  <p:cSld name="TITLE + BULLET POINTS">
    <p:spTree>
      <p:nvGrpSpPr>
        <p:cNvPr id="1" name="Shape 2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oogle Shape;25;p3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6" name="Google Shape;26;p3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" name="Google Shape;27;p3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" name="Google Shape;28;p3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" name="Google Shape;29;p3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" name="Google Shape;30;p3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" name="Google Shape;31;p3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2" name="Google Shape;32;p3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3" name="Google Shape;33;p3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4" name="Google Shape;34;p3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5" name="Google Shape;35;p3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6" name="Google Shape;36;p3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7" name="Google Shape;37;p3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38" name="Google Shape;38;p3"/>
          <p:cNvSpPr txBox="1">
            <a:spLocks noGrp="1"/>
          </p:cNvSpPr>
          <p:nvPr>
            <p:ph type="ctrTitle"/>
          </p:nvPr>
        </p:nvSpPr>
        <p:spPr>
          <a:xfrm>
            <a:off x="1252700" y="689133"/>
            <a:ext cx="9720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39" name="Google Shape;39;p3"/>
          <p:cNvSpPr txBox="1">
            <a:spLocks noGrp="1"/>
          </p:cNvSpPr>
          <p:nvPr>
            <p:ph type="body" idx="1"/>
          </p:nvPr>
        </p:nvSpPr>
        <p:spPr>
          <a:xfrm>
            <a:off x="1252700" y="1968500"/>
            <a:ext cx="8085200" cy="406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389457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000"/>
              <a:buFont typeface="Comfortaa"/>
              <a:buChar char="●"/>
              <a:defRPr sz="1333">
                <a:latin typeface="Comfortaa"/>
                <a:ea typeface="Comfortaa"/>
                <a:cs typeface="Comfortaa"/>
                <a:sym typeface="Comfortaa"/>
              </a:defRPr>
            </a:lvl1pPr>
            <a:lvl2pPr marL="1219170" lvl="1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○"/>
              <a:defRPr sz="1333">
                <a:latin typeface="Comfortaa"/>
                <a:ea typeface="Comfortaa"/>
                <a:cs typeface="Comfortaa"/>
                <a:sym typeface="Comfortaa"/>
              </a:defRPr>
            </a:lvl2pPr>
            <a:lvl3pPr marL="1828754" lvl="2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■"/>
              <a:defRPr sz="1333">
                <a:latin typeface="Comfortaa"/>
                <a:ea typeface="Comfortaa"/>
                <a:cs typeface="Comfortaa"/>
                <a:sym typeface="Comfortaa"/>
              </a:defRPr>
            </a:lvl3pPr>
            <a:lvl4pPr marL="2438339" lvl="3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●"/>
              <a:defRPr sz="1333">
                <a:latin typeface="Comfortaa"/>
                <a:ea typeface="Comfortaa"/>
                <a:cs typeface="Comfortaa"/>
                <a:sym typeface="Comfortaa"/>
              </a:defRPr>
            </a:lvl4pPr>
            <a:lvl5pPr marL="3047924" lvl="4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○"/>
              <a:defRPr sz="1333">
                <a:latin typeface="Comfortaa"/>
                <a:ea typeface="Comfortaa"/>
                <a:cs typeface="Comfortaa"/>
                <a:sym typeface="Comfortaa"/>
              </a:defRPr>
            </a:lvl5pPr>
            <a:lvl6pPr marL="3657509" lvl="5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■"/>
              <a:defRPr sz="1333">
                <a:latin typeface="Comfortaa"/>
                <a:ea typeface="Comfortaa"/>
                <a:cs typeface="Comfortaa"/>
                <a:sym typeface="Comfortaa"/>
              </a:defRPr>
            </a:lvl6pPr>
            <a:lvl7pPr marL="4267093" lvl="6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●"/>
              <a:defRPr sz="1333">
                <a:latin typeface="Comfortaa"/>
                <a:ea typeface="Comfortaa"/>
                <a:cs typeface="Comfortaa"/>
                <a:sym typeface="Comfortaa"/>
              </a:defRPr>
            </a:lvl7pPr>
            <a:lvl8pPr marL="4876678" lvl="7" indent="-389457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000"/>
              <a:buFont typeface="Comfortaa"/>
              <a:buChar char="○"/>
              <a:defRPr sz="1333">
                <a:latin typeface="Comfortaa"/>
                <a:ea typeface="Comfortaa"/>
                <a:cs typeface="Comfortaa"/>
                <a:sym typeface="Comfortaa"/>
              </a:defRPr>
            </a:lvl8pPr>
            <a:lvl9pPr marL="5486263" lvl="8" indent="-389457" rtl="0">
              <a:lnSpc>
                <a:spcPct val="115000"/>
              </a:lnSpc>
              <a:spcBef>
                <a:spcPts val="2133"/>
              </a:spcBef>
              <a:spcAft>
                <a:spcPts val="2133"/>
              </a:spcAft>
              <a:buSzPts val="1000"/>
              <a:buFont typeface="Comfortaa"/>
              <a:buChar char="■"/>
              <a:defRPr sz="1333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328391492"/>
      </p:ext>
    </p:extLst>
  </p:cSld>
  <p:clrMapOvr>
    <a:masterClrMapping/>
  </p:clrMapOvr>
</p:sldLayout>
</file>

<file path=ppt/slideLayouts/slideLayout7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ABLE OF CONTENTS">
  <p:cSld name="TABLE OF CONTENTS">
    <p:spTree>
      <p:nvGrpSpPr>
        <p:cNvPr id="1" name="Shape 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1" name="Google Shape;41;p4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42" name="Google Shape;42;p4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3" name="Google Shape;43;p4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4" name="Google Shape;44;p4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5" name="Google Shape;45;p4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6" name="Google Shape;46;p4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7" name="Google Shape;47;p4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8" name="Google Shape;48;p4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49" name="Google Shape;49;p4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0" name="Google Shape;50;p4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1" name="Google Shape;51;p4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2" name="Google Shape;52;p4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53" name="Google Shape;53;p4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54" name="Google Shape;54;p4"/>
          <p:cNvSpPr txBox="1">
            <a:spLocks noGrp="1"/>
          </p:cNvSpPr>
          <p:nvPr>
            <p:ph type="title" hasCustomPrompt="1"/>
          </p:nvPr>
        </p:nvSpPr>
        <p:spPr>
          <a:xfrm>
            <a:off x="1895117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5" name="Google Shape;55;p4"/>
          <p:cNvSpPr txBox="1">
            <a:spLocks noGrp="1"/>
          </p:cNvSpPr>
          <p:nvPr>
            <p:ph type="title" idx="2" hasCustomPrompt="1"/>
          </p:nvPr>
        </p:nvSpPr>
        <p:spPr>
          <a:xfrm>
            <a:off x="4280505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6" name="Google Shape;56;p4"/>
          <p:cNvSpPr txBox="1">
            <a:spLocks noGrp="1"/>
          </p:cNvSpPr>
          <p:nvPr>
            <p:ph type="title" idx="3" hasCustomPrompt="1"/>
          </p:nvPr>
        </p:nvSpPr>
        <p:spPr>
          <a:xfrm>
            <a:off x="6665895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7" name="Google Shape;57;p4"/>
          <p:cNvSpPr txBox="1">
            <a:spLocks noGrp="1"/>
          </p:cNvSpPr>
          <p:nvPr>
            <p:ph type="title" idx="4" hasCustomPrompt="1"/>
          </p:nvPr>
        </p:nvSpPr>
        <p:spPr>
          <a:xfrm>
            <a:off x="9051284" y="3121800"/>
            <a:ext cx="1245600" cy="769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58" name="Google Shape;58;p4"/>
          <p:cNvSpPr txBox="1">
            <a:spLocks noGrp="1"/>
          </p:cNvSpPr>
          <p:nvPr>
            <p:ph type="ctrTitle" idx="5"/>
          </p:nvPr>
        </p:nvSpPr>
        <p:spPr>
          <a:xfrm>
            <a:off x="415600" y="824767"/>
            <a:ext cx="113608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Font typeface="Permanent Marker"/>
              <a:buNone/>
              <a:defRPr sz="24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59" name="Google Shape;59;p4"/>
          <p:cNvSpPr txBox="1">
            <a:spLocks noGrp="1"/>
          </p:cNvSpPr>
          <p:nvPr>
            <p:ph type="subTitle" idx="1"/>
          </p:nvPr>
        </p:nvSpPr>
        <p:spPr>
          <a:xfrm>
            <a:off x="1521933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0" name="Google Shape;60;p4"/>
          <p:cNvSpPr txBox="1">
            <a:spLocks noGrp="1"/>
          </p:cNvSpPr>
          <p:nvPr>
            <p:ph type="subTitle" idx="6"/>
          </p:nvPr>
        </p:nvSpPr>
        <p:spPr>
          <a:xfrm>
            <a:off x="3907300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1" name="Google Shape;61;p4"/>
          <p:cNvSpPr txBox="1">
            <a:spLocks noGrp="1"/>
          </p:cNvSpPr>
          <p:nvPr>
            <p:ph type="subTitle" idx="7"/>
          </p:nvPr>
        </p:nvSpPr>
        <p:spPr>
          <a:xfrm>
            <a:off x="6292667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2" name="Google Shape;62;p4"/>
          <p:cNvSpPr txBox="1">
            <a:spLocks noGrp="1"/>
          </p:cNvSpPr>
          <p:nvPr>
            <p:ph type="subTitle" idx="8"/>
          </p:nvPr>
        </p:nvSpPr>
        <p:spPr>
          <a:xfrm>
            <a:off x="8678100" y="49101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  <p:sp>
        <p:nvSpPr>
          <p:cNvPr id="63" name="Google Shape;63;p4"/>
          <p:cNvSpPr txBox="1">
            <a:spLocks noGrp="1"/>
          </p:cNvSpPr>
          <p:nvPr>
            <p:ph type="subTitle" idx="9"/>
          </p:nvPr>
        </p:nvSpPr>
        <p:spPr>
          <a:xfrm>
            <a:off x="6292700" y="49527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157938234"/>
      </p:ext>
    </p:extLst>
  </p:cSld>
  <p:clrMapOvr>
    <a:masterClrMapping/>
  </p:clrMapOvr>
</p:sldLayout>
</file>

<file path=ppt/slideLayouts/slideLayout7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EXT">
  <p:cSld name="TITLE + TEXT">
    <p:spTree>
      <p:nvGrpSpPr>
        <p:cNvPr id="1" name="Shape 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5" name="Google Shape;65;p5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66" name="Google Shape;66;p5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67" name="Google Shape;67;p5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68" name="Google Shape;68;p5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69" name="Google Shape;69;p5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0" name="Google Shape;70;p5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1" name="Google Shape;71;p5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2" name="Google Shape;72;p5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3" name="Google Shape;73;p5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4" name="Google Shape;74;p5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5" name="Google Shape;75;p5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6" name="Google Shape;76;p5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77" name="Google Shape;77;p5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78" name="Google Shape;78;p5"/>
          <p:cNvSpPr txBox="1">
            <a:spLocks noGrp="1"/>
          </p:cNvSpPr>
          <p:nvPr>
            <p:ph type="subTitle" idx="1"/>
          </p:nvPr>
        </p:nvSpPr>
        <p:spPr>
          <a:xfrm>
            <a:off x="1252700" y="2739400"/>
            <a:ext cx="3888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79" name="Google Shape;79;p5"/>
          <p:cNvSpPr txBox="1">
            <a:spLocks noGrp="1"/>
          </p:cNvSpPr>
          <p:nvPr>
            <p:ph type="ctrTitle"/>
          </p:nvPr>
        </p:nvSpPr>
        <p:spPr>
          <a:xfrm>
            <a:off x="1252700" y="689133"/>
            <a:ext cx="9720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890336205"/>
      </p:ext>
    </p:extLst>
  </p:cSld>
  <p:clrMapOvr>
    <a:masterClrMapping/>
  </p:clrMapOvr>
</p:sldLayout>
</file>

<file path=ppt/slideLayouts/slideLayout7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QUOTE">
    <p:spTree>
      <p:nvGrpSpPr>
        <p:cNvPr id="1" name="Shape 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1" name="Google Shape;81;p6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82" name="Google Shape;82;p6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3" name="Google Shape;83;p6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4" name="Google Shape;84;p6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5" name="Google Shape;85;p6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6" name="Google Shape;86;p6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7" name="Google Shape;87;p6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8" name="Google Shape;88;p6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89" name="Google Shape;89;p6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0" name="Google Shape;90;p6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1" name="Google Shape;91;p6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2" name="Google Shape;92;p6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3" name="Google Shape;93;p6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94" name="Google Shape;94;p6"/>
          <p:cNvSpPr txBox="1">
            <a:spLocks noGrp="1"/>
          </p:cNvSpPr>
          <p:nvPr>
            <p:ph type="ctrTitle"/>
          </p:nvPr>
        </p:nvSpPr>
        <p:spPr>
          <a:xfrm>
            <a:off x="2678400" y="5196051"/>
            <a:ext cx="6835200" cy="510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None/>
              <a:defRPr sz="1467">
                <a:latin typeface="Comfortaa"/>
                <a:ea typeface="Comfortaa"/>
                <a:cs typeface="Comfortaa"/>
                <a:sym typeface="Comfortaa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Comfortaa"/>
              <a:buNone/>
              <a:defRPr sz="4000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  <p:sp>
        <p:nvSpPr>
          <p:cNvPr id="95" name="Google Shape;95;p6"/>
          <p:cNvSpPr txBox="1">
            <a:spLocks noGrp="1"/>
          </p:cNvSpPr>
          <p:nvPr>
            <p:ph type="subTitle" idx="1"/>
          </p:nvPr>
        </p:nvSpPr>
        <p:spPr>
          <a:xfrm>
            <a:off x="2553000" y="1869300"/>
            <a:ext cx="7086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661973126"/>
      </p:ext>
    </p:extLst>
  </p:cSld>
  <p:clrMapOvr>
    <a:masterClrMapping/>
  </p:clrMapOvr>
</p:sldLayout>
</file>

<file path=ppt/slideLayouts/slideLayout7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EXT 2">
  <p:cSld name="TITLE + TEXT 2">
    <p:spTree>
      <p:nvGrpSpPr>
        <p:cNvPr id="1" name="Shape 9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7" name="Google Shape;97;p7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98" name="Google Shape;98;p7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99" name="Google Shape;99;p7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0" name="Google Shape;100;p7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1" name="Google Shape;101;p7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2" name="Google Shape;102;p7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3" name="Google Shape;103;p7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4" name="Google Shape;104;p7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5" name="Google Shape;105;p7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6" name="Google Shape;106;p7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7" name="Google Shape;107;p7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8" name="Google Shape;108;p7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09" name="Google Shape;109;p7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10" name="Google Shape;110;p7"/>
          <p:cNvSpPr txBox="1">
            <a:spLocks noGrp="1"/>
          </p:cNvSpPr>
          <p:nvPr>
            <p:ph type="ctrTitle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11" name="Google Shape;111;p7"/>
          <p:cNvSpPr txBox="1">
            <a:spLocks noGrp="1"/>
          </p:cNvSpPr>
          <p:nvPr>
            <p:ph type="subTitle" idx="1"/>
          </p:nvPr>
        </p:nvSpPr>
        <p:spPr>
          <a:xfrm>
            <a:off x="4152000" y="2739400"/>
            <a:ext cx="3888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595226329"/>
      </p:ext>
    </p:extLst>
  </p:cSld>
  <p:clrMapOvr>
    <a:masterClrMapping/>
  </p:clrMapOvr>
</p:sldLayout>
</file>

<file path=ppt/slideLayouts/slideLayout7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TITLE">
  <p:cSld name="BIG TITLE">
    <p:spTree>
      <p:nvGrpSpPr>
        <p:cNvPr id="1" name="Shape 11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3" name="Google Shape;113;p8"/>
          <p:cNvSpPr txBox="1">
            <a:spLocks noGrp="1"/>
          </p:cNvSpPr>
          <p:nvPr>
            <p:ph type="ctrTitle"/>
          </p:nvPr>
        </p:nvSpPr>
        <p:spPr>
          <a:xfrm>
            <a:off x="4145000" y="2940400"/>
            <a:ext cx="3902000" cy="9772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778931431"/>
      </p:ext>
    </p:extLst>
  </p:cSld>
  <p:clrMapOvr>
    <a:masterClrMapping/>
  </p:clrMapOvr>
</p:sldLayout>
</file>

<file path=ppt/slideLayouts/slideLayout7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FOUR COLUMNS" type="blank">
  <p:cSld name="TITLE + FOUR COLUMNS">
    <p:spTree>
      <p:nvGrpSpPr>
        <p:cNvPr id="1" name="Shape 1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5" name="Google Shape;115;p9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16" name="Google Shape;116;p9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7" name="Google Shape;117;p9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8" name="Google Shape;118;p9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19" name="Google Shape;119;p9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0" name="Google Shape;120;p9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1" name="Google Shape;121;p9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2" name="Google Shape;122;p9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3" name="Google Shape;123;p9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4" name="Google Shape;124;p9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5" name="Google Shape;125;p9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6" name="Google Shape;126;p9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27" name="Google Shape;127;p9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28" name="Google Shape;128;p9"/>
          <p:cNvSpPr txBox="1">
            <a:spLocks noGrp="1"/>
          </p:cNvSpPr>
          <p:nvPr>
            <p:ph type="subTitle" idx="1"/>
          </p:nvPr>
        </p:nvSpPr>
        <p:spPr>
          <a:xfrm>
            <a:off x="1521917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29" name="Google Shape;129;p9"/>
          <p:cNvSpPr txBox="1">
            <a:spLocks noGrp="1"/>
          </p:cNvSpPr>
          <p:nvPr>
            <p:ph type="subTitle" idx="2"/>
          </p:nvPr>
        </p:nvSpPr>
        <p:spPr>
          <a:xfrm>
            <a:off x="3907284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30" name="Google Shape;130;p9"/>
          <p:cNvSpPr txBox="1">
            <a:spLocks noGrp="1"/>
          </p:cNvSpPr>
          <p:nvPr>
            <p:ph type="subTitle" idx="3"/>
          </p:nvPr>
        </p:nvSpPr>
        <p:spPr>
          <a:xfrm>
            <a:off x="8678084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31" name="Google Shape;131;p9"/>
          <p:cNvSpPr txBox="1">
            <a:spLocks noGrp="1"/>
          </p:cNvSpPr>
          <p:nvPr>
            <p:ph type="subTitle" idx="4"/>
          </p:nvPr>
        </p:nvSpPr>
        <p:spPr>
          <a:xfrm>
            <a:off x="6292684" y="4351333"/>
            <a:ext cx="199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32" name="Google Shape;132;p9"/>
          <p:cNvSpPr txBox="1">
            <a:spLocks noGrp="1"/>
          </p:cNvSpPr>
          <p:nvPr>
            <p:ph type="ctrTitle"/>
          </p:nvPr>
        </p:nvSpPr>
        <p:spPr>
          <a:xfrm>
            <a:off x="1521933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3" name="Google Shape;133;p9"/>
          <p:cNvSpPr txBox="1">
            <a:spLocks noGrp="1"/>
          </p:cNvSpPr>
          <p:nvPr>
            <p:ph type="ctrTitle" idx="5"/>
          </p:nvPr>
        </p:nvSpPr>
        <p:spPr>
          <a:xfrm>
            <a:off x="3907300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4" name="Google Shape;134;p9"/>
          <p:cNvSpPr txBox="1">
            <a:spLocks noGrp="1"/>
          </p:cNvSpPr>
          <p:nvPr>
            <p:ph type="ctrTitle" idx="6"/>
          </p:nvPr>
        </p:nvSpPr>
        <p:spPr>
          <a:xfrm>
            <a:off x="6292700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5" name="Google Shape;135;p9"/>
          <p:cNvSpPr txBox="1">
            <a:spLocks noGrp="1"/>
          </p:cNvSpPr>
          <p:nvPr>
            <p:ph type="ctrTitle" idx="7"/>
          </p:nvPr>
        </p:nvSpPr>
        <p:spPr>
          <a:xfrm>
            <a:off x="8678100" y="34196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36" name="Google Shape;136;p9"/>
          <p:cNvSpPr txBox="1">
            <a:spLocks noGrp="1"/>
          </p:cNvSpPr>
          <p:nvPr>
            <p:ph type="ctrTitle" idx="8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4080580125"/>
      </p:ext>
    </p:extLst>
  </p:cSld>
  <p:clrMapOvr>
    <a:masterClrMapping/>
  </p:clrMapOvr>
</p:sldLayout>
</file>

<file path=ppt/slideLayouts/slideLayout7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HREE COLUMNS">
  <p:cSld name="TITLE + THREE COLUMNS">
    <p:spTree>
      <p:nvGrpSpPr>
        <p:cNvPr id="1" name="Shape 1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8" name="Google Shape;138;p10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39" name="Google Shape;139;p10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0" name="Google Shape;140;p10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1" name="Google Shape;141;p10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2" name="Google Shape;142;p10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3" name="Google Shape;143;p10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4" name="Google Shape;144;p10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5" name="Google Shape;145;p10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6" name="Google Shape;146;p10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7" name="Google Shape;147;p10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8" name="Google Shape;148;p10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49" name="Google Shape;149;p10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50" name="Google Shape;150;p10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51" name="Google Shape;151;p10"/>
          <p:cNvSpPr txBox="1">
            <a:spLocks noGrp="1"/>
          </p:cNvSpPr>
          <p:nvPr>
            <p:ph type="subTitle" idx="1"/>
          </p:nvPr>
        </p:nvSpPr>
        <p:spPr>
          <a:xfrm>
            <a:off x="1665233" y="38097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52" name="Google Shape;152;p10"/>
          <p:cNvSpPr txBox="1">
            <a:spLocks noGrp="1"/>
          </p:cNvSpPr>
          <p:nvPr>
            <p:ph type="subTitle" idx="2"/>
          </p:nvPr>
        </p:nvSpPr>
        <p:spPr>
          <a:xfrm>
            <a:off x="4965000" y="38097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53" name="Google Shape;153;p10"/>
          <p:cNvSpPr txBox="1">
            <a:spLocks noGrp="1"/>
          </p:cNvSpPr>
          <p:nvPr>
            <p:ph type="subTitle" idx="3"/>
          </p:nvPr>
        </p:nvSpPr>
        <p:spPr>
          <a:xfrm>
            <a:off x="8264767" y="38097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154" name="Google Shape;154;p10"/>
          <p:cNvSpPr txBox="1">
            <a:spLocks noGrp="1"/>
          </p:cNvSpPr>
          <p:nvPr>
            <p:ph type="ctrTitle"/>
          </p:nvPr>
        </p:nvSpPr>
        <p:spPr>
          <a:xfrm>
            <a:off x="1800217" y="23655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55" name="Google Shape;155;p10"/>
          <p:cNvSpPr txBox="1">
            <a:spLocks noGrp="1"/>
          </p:cNvSpPr>
          <p:nvPr>
            <p:ph type="ctrTitle" idx="4"/>
          </p:nvPr>
        </p:nvSpPr>
        <p:spPr>
          <a:xfrm>
            <a:off x="5099984" y="23655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56" name="Google Shape;156;p10"/>
          <p:cNvSpPr txBox="1">
            <a:spLocks noGrp="1"/>
          </p:cNvSpPr>
          <p:nvPr>
            <p:ph type="ctrTitle" idx="5"/>
          </p:nvPr>
        </p:nvSpPr>
        <p:spPr>
          <a:xfrm>
            <a:off x="8399784" y="23655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157" name="Google Shape;157;p10"/>
          <p:cNvSpPr txBox="1">
            <a:spLocks noGrp="1"/>
          </p:cNvSpPr>
          <p:nvPr>
            <p:ph type="ctrTitle" idx="6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242737366"/>
      </p:ext>
    </p:extLst>
  </p:cSld>
  <p:clrMapOvr>
    <a:masterClrMapping/>
  </p:clrMapOvr>
</p:sldLayout>
</file>

<file path=ppt/slideLayouts/slideLayout7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S">
  <p:cSld name="BIG NUMBERS">
    <p:spTree>
      <p:nvGrpSpPr>
        <p:cNvPr id="1" name="Shape 1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59" name="Google Shape;159;p11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60" name="Google Shape;160;p11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1" name="Google Shape;161;p11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2" name="Google Shape;162;p11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3" name="Google Shape;163;p11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4" name="Google Shape;164;p11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5" name="Google Shape;165;p11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6" name="Google Shape;166;p11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7" name="Google Shape;167;p11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8" name="Google Shape;168;p11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69" name="Google Shape;169;p11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0" name="Google Shape;170;p11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1" name="Google Shape;171;p11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72" name="Google Shape;172;p11"/>
          <p:cNvSpPr txBox="1">
            <a:spLocks noGrp="1"/>
          </p:cNvSpPr>
          <p:nvPr>
            <p:ph type="title" hasCustomPrompt="1"/>
          </p:nvPr>
        </p:nvSpPr>
        <p:spPr>
          <a:xfrm>
            <a:off x="3335000" y="934651"/>
            <a:ext cx="5522000" cy="797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6000"/>
              <a:buNone/>
              <a:defRPr sz="8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  <p:sp>
        <p:nvSpPr>
          <p:cNvPr id="173" name="Google Shape;173;p11"/>
          <p:cNvSpPr txBox="1">
            <a:spLocks noGrp="1"/>
          </p:cNvSpPr>
          <p:nvPr>
            <p:ph type="title" idx="2" hasCustomPrompt="1"/>
          </p:nvPr>
        </p:nvSpPr>
        <p:spPr>
          <a:xfrm>
            <a:off x="3335000" y="2814251"/>
            <a:ext cx="5522000" cy="797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6000"/>
              <a:buNone/>
              <a:defRPr sz="8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  <p:sp>
        <p:nvSpPr>
          <p:cNvPr id="174" name="Google Shape;174;p11"/>
          <p:cNvSpPr txBox="1">
            <a:spLocks noGrp="1"/>
          </p:cNvSpPr>
          <p:nvPr>
            <p:ph type="title" idx="3" hasCustomPrompt="1"/>
          </p:nvPr>
        </p:nvSpPr>
        <p:spPr>
          <a:xfrm>
            <a:off x="3335000" y="4693851"/>
            <a:ext cx="5522000" cy="797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6000"/>
              <a:buNone/>
              <a:defRPr sz="8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</p:spTree>
    <p:extLst>
      <p:ext uri="{BB962C8B-B14F-4D97-AF65-F5344CB8AC3E}">
        <p14:creationId xmlns:p14="http://schemas.microsoft.com/office/powerpoint/2010/main" val="141062656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108904985"/>
      </p:ext>
    </p:extLst>
  </p:cSld>
  <p:clrMapOvr>
    <a:masterClrMapping/>
  </p:clrMapOvr>
</p:sldLayout>
</file>

<file path=ppt/slideLayouts/slideLayout8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DESIGN">
  <p:cSld name="TITLE + DESIGN">
    <p:spTree>
      <p:nvGrpSpPr>
        <p:cNvPr id="1" name="Shape 1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6" name="Google Shape;176;p12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77" name="Google Shape;177;p12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8" name="Google Shape;178;p12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79" name="Google Shape;179;p12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0" name="Google Shape;180;p12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1" name="Google Shape;181;p12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2" name="Google Shape;182;p12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3" name="Google Shape;183;p12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4" name="Google Shape;184;p12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5" name="Google Shape;185;p12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6" name="Google Shape;186;p12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7" name="Google Shape;187;p12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88" name="Google Shape;188;p12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189" name="Google Shape;189;p12"/>
          <p:cNvSpPr txBox="1">
            <a:spLocks noGrp="1"/>
          </p:cNvSpPr>
          <p:nvPr>
            <p:ph type="ctrTitle"/>
          </p:nvPr>
        </p:nvSpPr>
        <p:spPr>
          <a:xfrm>
            <a:off x="4416800" y="1603533"/>
            <a:ext cx="3358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835662736"/>
      </p:ext>
    </p:extLst>
  </p:cSld>
  <p:clrMapOvr>
    <a:masterClrMapping/>
  </p:clrMapOvr>
</p:sldLayout>
</file>

<file path=ppt/slideLayouts/slideLayout8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THREE COLUMNS">
  <p:cSld name="1_TITLE + THREE COLUMNS">
    <p:spTree>
      <p:nvGrpSpPr>
        <p:cNvPr id="1" name="Shape 1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1" name="Google Shape;191;p13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192" name="Google Shape;192;p13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3" name="Google Shape;193;p13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4" name="Google Shape;194;p13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5" name="Google Shape;195;p13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6" name="Google Shape;196;p13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7" name="Google Shape;197;p13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8" name="Google Shape;198;p13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199" name="Google Shape;199;p13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0" name="Google Shape;200;p13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1" name="Google Shape;201;p13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2" name="Google Shape;202;p13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03" name="Google Shape;203;p13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04" name="Google Shape;204;p13"/>
          <p:cNvSpPr txBox="1">
            <a:spLocks noGrp="1"/>
          </p:cNvSpPr>
          <p:nvPr>
            <p:ph type="subTitle" idx="1"/>
          </p:nvPr>
        </p:nvSpPr>
        <p:spPr>
          <a:xfrm>
            <a:off x="8303733" y="2601400"/>
            <a:ext cx="2528800" cy="626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05" name="Google Shape;205;p13"/>
          <p:cNvSpPr txBox="1">
            <a:spLocks noGrp="1"/>
          </p:cNvSpPr>
          <p:nvPr>
            <p:ph type="ctrTitle"/>
          </p:nvPr>
        </p:nvSpPr>
        <p:spPr>
          <a:xfrm>
            <a:off x="8303733" y="1946433"/>
            <a:ext cx="3964800" cy="790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06" name="Google Shape;206;p13"/>
          <p:cNvSpPr txBox="1">
            <a:spLocks noGrp="1"/>
          </p:cNvSpPr>
          <p:nvPr>
            <p:ph type="subTitle" idx="2"/>
          </p:nvPr>
        </p:nvSpPr>
        <p:spPr>
          <a:xfrm>
            <a:off x="8303733" y="3959267"/>
            <a:ext cx="2528800" cy="626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07" name="Google Shape;207;p13"/>
          <p:cNvSpPr txBox="1">
            <a:spLocks noGrp="1"/>
          </p:cNvSpPr>
          <p:nvPr>
            <p:ph type="ctrTitle" idx="3"/>
          </p:nvPr>
        </p:nvSpPr>
        <p:spPr>
          <a:xfrm>
            <a:off x="8303733" y="3304300"/>
            <a:ext cx="3964800" cy="790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08" name="Google Shape;208;p13"/>
          <p:cNvSpPr txBox="1">
            <a:spLocks noGrp="1"/>
          </p:cNvSpPr>
          <p:nvPr>
            <p:ph type="subTitle" idx="4"/>
          </p:nvPr>
        </p:nvSpPr>
        <p:spPr>
          <a:xfrm>
            <a:off x="8303733" y="5317133"/>
            <a:ext cx="2528800" cy="626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09" name="Google Shape;209;p13"/>
          <p:cNvSpPr txBox="1">
            <a:spLocks noGrp="1"/>
          </p:cNvSpPr>
          <p:nvPr>
            <p:ph type="ctrTitle" idx="5"/>
          </p:nvPr>
        </p:nvSpPr>
        <p:spPr>
          <a:xfrm>
            <a:off x="8303733" y="4662167"/>
            <a:ext cx="3964800" cy="790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10" name="Google Shape;210;p13"/>
          <p:cNvSpPr txBox="1">
            <a:spLocks noGrp="1"/>
          </p:cNvSpPr>
          <p:nvPr>
            <p:ph type="ctrTitle" idx="6"/>
          </p:nvPr>
        </p:nvSpPr>
        <p:spPr>
          <a:xfrm>
            <a:off x="1252700" y="689133"/>
            <a:ext cx="97204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445057944"/>
      </p:ext>
    </p:extLst>
  </p:cSld>
  <p:clrMapOvr>
    <a:masterClrMapping/>
  </p:clrMapOvr>
</p:sldLayout>
</file>

<file path=ppt/slideLayouts/slideLayout8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WO COLUMNS ">
  <p:cSld name="TWO COLUMNS ">
    <p:spTree>
      <p:nvGrpSpPr>
        <p:cNvPr id="1" name="Shape 2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12" name="Google Shape;212;p14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13" name="Google Shape;213;p14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4" name="Google Shape;214;p14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5" name="Google Shape;215;p14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6" name="Google Shape;216;p14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7" name="Google Shape;217;p14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8" name="Google Shape;218;p14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19" name="Google Shape;219;p14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0" name="Google Shape;220;p14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1" name="Google Shape;221;p14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2" name="Google Shape;222;p14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3" name="Google Shape;223;p14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24" name="Google Shape;224;p14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25" name="Google Shape;225;p14"/>
          <p:cNvSpPr txBox="1">
            <a:spLocks noGrp="1"/>
          </p:cNvSpPr>
          <p:nvPr>
            <p:ph type="subTitle" idx="1"/>
          </p:nvPr>
        </p:nvSpPr>
        <p:spPr>
          <a:xfrm>
            <a:off x="3111900" y="33652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26" name="Google Shape;226;p14"/>
          <p:cNvSpPr txBox="1">
            <a:spLocks noGrp="1"/>
          </p:cNvSpPr>
          <p:nvPr>
            <p:ph type="subTitle" idx="2"/>
          </p:nvPr>
        </p:nvSpPr>
        <p:spPr>
          <a:xfrm>
            <a:off x="6818067" y="3365233"/>
            <a:ext cx="2262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27" name="Google Shape;227;p14"/>
          <p:cNvSpPr txBox="1">
            <a:spLocks noGrp="1"/>
          </p:cNvSpPr>
          <p:nvPr>
            <p:ph type="ctrTitle"/>
          </p:nvPr>
        </p:nvSpPr>
        <p:spPr>
          <a:xfrm>
            <a:off x="3246884" y="23274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28" name="Google Shape;228;p14"/>
          <p:cNvSpPr txBox="1">
            <a:spLocks noGrp="1"/>
          </p:cNvSpPr>
          <p:nvPr>
            <p:ph type="ctrTitle" idx="3"/>
          </p:nvPr>
        </p:nvSpPr>
        <p:spPr>
          <a:xfrm>
            <a:off x="6953051" y="2327433"/>
            <a:ext cx="199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987985991"/>
      </p:ext>
    </p:extLst>
  </p:cSld>
  <p:clrMapOvr>
    <a:masterClrMapping/>
  </p:clrMapOvr>
</p:sldLayout>
</file>

<file path=ppt/slideLayouts/slideLayout8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DESIGN 2">
  <p:cSld name="TITLE + DESIGN 2">
    <p:spTree>
      <p:nvGrpSpPr>
        <p:cNvPr id="1" name="Shape 2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0" name="Google Shape;230;p15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31" name="Google Shape;231;p15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2" name="Google Shape;232;p15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3" name="Google Shape;233;p15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4" name="Google Shape;234;p15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5" name="Google Shape;235;p15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6" name="Google Shape;236;p15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7" name="Google Shape;237;p15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8" name="Google Shape;238;p15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39" name="Google Shape;239;p15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0" name="Google Shape;240;p15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1" name="Google Shape;241;p15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2" name="Google Shape;242;p15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43" name="Google Shape;243;p15"/>
          <p:cNvSpPr txBox="1">
            <a:spLocks noGrp="1"/>
          </p:cNvSpPr>
          <p:nvPr>
            <p:ph type="ctrTitle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482217729"/>
      </p:ext>
    </p:extLst>
  </p:cSld>
  <p:clrMapOvr>
    <a:masterClrMapping/>
  </p:clrMapOvr>
</p:sldLayout>
</file>

<file path=ppt/slideLayouts/slideLayout8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SIX COLUMNS">
  <p:cSld name="TITLE + SIX COLUMNS">
    <p:spTree>
      <p:nvGrpSpPr>
        <p:cNvPr id="1" name="Shape 2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45" name="Google Shape;245;p16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46" name="Google Shape;246;p16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7" name="Google Shape;247;p16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8" name="Google Shape;248;p16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49" name="Google Shape;249;p16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0" name="Google Shape;250;p16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1" name="Google Shape;251;p16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2" name="Google Shape;252;p16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3" name="Google Shape;253;p16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4" name="Google Shape;254;p16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5" name="Google Shape;255;p16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6" name="Google Shape;256;p16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57" name="Google Shape;257;p16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58" name="Google Shape;258;p16"/>
          <p:cNvSpPr txBox="1">
            <a:spLocks noGrp="1"/>
          </p:cNvSpPr>
          <p:nvPr>
            <p:ph type="subTitle" idx="1"/>
          </p:nvPr>
        </p:nvSpPr>
        <p:spPr>
          <a:xfrm>
            <a:off x="1974803" y="28445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59" name="Google Shape;259;p16"/>
          <p:cNvSpPr txBox="1">
            <a:spLocks noGrp="1"/>
          </p:cNvSpPr>
          <p:nvPr>
            <p:ph type="subTitle" idx="2"/>
          </p:nvPr>
        </p:nvSpPr>
        <p:spPr>
          <a:xfrm>
            <a:off x="4969788" y="28445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0" name="Google Shape;260;p16"/>
          <p:cNvSpPr txBox="1">
            <a:spLocks noGrp="1"/>
          </p:cNvSpPr>
          <p:nvPr>
            <p:ph type="subTitle" idx="3"/>
          </p:nvPr>
        </p:nvSpPr>
        <p:spPr>
          <a:xfrm>
            <a:off x="7964777" y="28445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1" name="Google Shape;261;p16"/>
          <p:cNvSpPr txBox="1">
            <a:spLocks noGrp="1"/>
          </p:cNvSpPr>
          <p:nvPr>
            <p:ph type="ctrTitle"/>
          </p:nvPr>
        </p:nvSpPr>
        <p:spPr>
          <a:xfrm>
            <a:off x="1885017" y="17657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2" name="Google Shape;262;p16"/>
          <p:cNvSpPr txBox="1">
            <a:spLocks noGrp="1"/>
          </p:cNvSpPr>
          <p:nvPr>
            <p:ph type="ctrTitle" idx="4"/>
          </p:nvPr>
        </p:nvSpPr>
        <p:spPr>
          <a:xfrm>
            <a:off x="4880020" y="17657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3" name="Google Shape;263;p16"/>
          <p:cNvSpPr txBox="1">
            <a:spLocks noGrp="1"/>
          </p:cNvSpPr>
          <p:nvPr>
            <p:ph type="ctrTitle" idx="5"/>
          </p:nvPr>
        </p:nvSpPr>
        <p:spPr>
          <a:xfrm>
            <a:off x="7874997" y="17657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4" name="Google Shape;264;p16"/>
          <p:cNvSpPr txBox="1">
            <a:spLocks noGrp="1"/>
          </p:cNvSpPr>
          <p:nvPr>
            <p:ph type="subTitle" idx="6"/>
          </p:nvPr>
        </p:nvSpPr>
        <p:spPr>
          <a:xfrm>
            <a:off x="1974803" y="49908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5" name="Google Shape;265;p16"/>
          <p:cNvSpPr txBox="1">
            <a:spLocks noGrp="1"/>
          </p:cNvSpPr>
          <p:nvPr>
            <p:ph type="subTitle" idx="7"/>
          </p:nvPr>
        </p:nvSpPr>
        <p:spPr>
          <a:xfrm>
            <a:off x="4969788" y="49908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6" name="Google Shape;266;p16"/>
          <p:cNvSpPr txBox="1">
            <a:spLocks noGrp="1"/>
          </p:cNvSpPr>
          <p:nvPr>
            <p:ph type="subTitle" idx="8"/>
          </p:nvPr>
        </p:nvSpPr>
        <p:spPr>
          <a:xfrm>
            <a:off x="7964760" y="4990833"/>
            <a:ext cx="22524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67" name="Google Shape;267;p16"/>
          <p:cNvSpPr txBox="1">
            <a:spLocks noGrp="1"/>
          </p:cNvSpPr>
          <p:nvPr>
            <p:ph type="ctrTitle" idx="9"/>
          </p:nvPr>
        </p:nvSpPr>
        <p:spPr>
          <a:xfrm>
            <a:off x="1885000" y="39120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8" name="Google Shape;268;p16"/>
          <p:cNvSpPr txBox="1">
            <a:spLocks noGrp="1"/>
          </p:cNvSpPr>
          <p:nvPr>
            <p:ph type="ctrTitle" idx="13"/>
          </p:nvPr>
        </p:nvSpPr>
        <p:spPr>
          <a:xfrm>
            <a:off x="4880004" y="39120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69" name="Google Shape;269;p16"/>
          <p:cNvSpPr txBox="1">
            <a:spLocks noGrp="1"/>
          </p:cNvSpPr>
          <p:nvPr>
            <p:ph type="ctrTitle" idx="14"/>
          </p:nvPr>
        </p:nvSpPr>
        <p:spPr>
          <a:xfrm>
            <a:off x="7874981" y="3912033"/>
            <a:ext cx="24320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400"/>
              <a:buFont typeface="Permanent Marker"/>
              <a:buNone/>
              <a:defRPr sz="1867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70" name="Google Shape;270;p16"/>
          <p:cNvSpPr txBox="1">
            <a:spLocks noGrp="1"/>
          </p:cNvSpPr>
          <p:nvPr>
            <p:ph type="ctrTitle" idx="15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388781424"/>
      </p:ext>
    </p:extLst>
  </p:cSld>
  <p:clrMapOvr>
    <a:masterClrMapping/>
  </p:clrMapOvr>
</p:sldLayout>
</file>

<file path=ppt/slideLayouts/slideLayout8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HANKS &amp; CREDITS">
  <p:cSld name="THANKS &amp; CREDITS">
    <p:spTree>
      <p:nvGrpSpPr>
        <p:cNvPr id="1" name="Shape 2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72" name="Google Shape;272;p17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73" name="Google Shape;273;p17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4" name="Google Shape;274;p17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5" name="Google Shape;275;p17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6" name="Google Shape;276;p17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7" name="Google Shape;277;p17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8" name="Google Shape;278;p17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79" name="Google Shape;279;p17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0" name="Google Shape;280;p17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1" name="Google Shape;281;p17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2" name="Google Shape;282;p17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3" name="Google Shape;283;p17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84" name="Google Shape;284;p17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285" name="Google Shape;285;p17"/>
          <p:cNvSpPr txBox="1">
            <a:spLocks noGrp="1"/>
          </p:cNvSpPr>
          <p:nvPr>
            <p:ph type="ctrTitle"/>
          </p:nvPr>
        </p:nvSpPr>
        <p:spPr>
          <a:xfrm>
            <a:off x="1252700" y="1197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3600"/>
              <a:buFont typeface="Permanent Marker"/>
              <a:buNone/>
              <a:defRPr sz="48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286" name="Google Shape;286;p17"/>
          <p:cNvSpPr txBox="1">
            <a:spLocks noGrp="1"/>
          </p:cNvSpPr>
          <p:nvPr>
            <p:ph type="subTitle" idx="1"/>
          </p:nvPr>
        </p:nvSpPr>
        <p:spPr>
          <a:xfrm>
            <a:off x="1252700" y="2739400"/>
            <a:ext cx="3888000" cy="1056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>
            <a:endParaRPr/>
          </a:p>
        </p:txBody>
      </p:sp>
      <p:sp>
        <p:nvSpPr>
          <p:cNvPr id="287" name="Google Shape;287;p17"/>
          <p:cNvSpPr txBox="1"/>
          <p:nvPr/>
        </p:nvSpPr>
        <p:spPr>
          <a:xfrm>
            <a:off x="1252700" y="4710800"/>
            <a:ext cx="4138000" cy="1358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CREDITS: This presentation template was created by </a:t>
            </a:r>
            <a:r>
              <a:rPr kumimoji="0" lang="en" sz="1067" b="1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2"/>
              </a:rPr>
              <a:t>Slidesgo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, including icons by </a:t>
            </a:r>
            <a:r>
              <a:rPr kumimoji="0" lang="en" sz="1067" b="1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3"/>
              </a:rPr>
              <a:t>Flatico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3"/>
              </a:rPr>
              <a:t>n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, and infographics &amp; images by </a:t>
            </a:r>
            <a:r>
              <a:rPr kumimoji="0" lang="en" sz="1067" b="1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>
                  <a:noFill/>
                </a:uFill>
                <a:latin typeface="Comfortaa"/>
                <a:ea typeface="Comfortaa"/>
                <a:cs typeface="Comfortaa"/>
                <a:sym typeface="Comfortaa"/>
                <a:hlinkClick r:id="rId4"/>
              </a:rPr>
              <a:t>Freepik</a:t>
            </a:r>
            <a:r>
              <a:rPr kumimoji="0" lang="en" sz="1067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omfortaa"/>
                <a:ea typeface="Comfortaa"/>
                <a:cs typeface="Comfortaa"/>
                <a:sym typeface="Comfortaa"/>
              </a:rPr>
              <a:t>. </a:t>
            </a:r>
            <a:endParaRPr kumimoji="0" sz="10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omfortaa"/>
              <a:ea typeface="Comfortaa"/>
              <a:cs typeface="Comfortaa"/>
              <a:sym typeface="Comfortaa"/>
            </a:endParaRPr>
          </a:p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0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omfortaa"/>
              <a:ea typeface="Comfortaa"/>
              <a:cs typeface="Comfortaa"/>
              <a:sym typeface="Comfortaa"/>
            </a:endParaRPr>
          </a:p>
        </p:txBody>
      </p:sp>
    </p:spTree>
    <p:extLst>
      <p:ext uri="{BB962C8B-B14F-4D97-AF65-F5344CB8AC3E}">
        <p14:creationId xmlns:p14="http://schemas.microsoft.com/office/powerpoint/2010/main" val="2214305930"/>
      </p:ext>
    </p:extLst>
  </p:cSld>
  <p:clrMapOvr>
    <a:masterClrMapping/>
  </p:clrMapOvr>
</p:sldLayout>
</file>

<file path=ppt/slideLayouts/slideLayout8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BULLET POINTS">
  <p:cSld name="1_TITLE + BULLET POINTS">
    <p:spTree>
      <p:nvGrpSpPr>
        <p:cNvPr id="1" name="Shape 2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89" name="Google Shape;289;p18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290" name="Google Shape;290;p18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1" name="Google Shape;291;p18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2" name="Google Shape;292;p18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3" name="Google Shape;293;p18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4" name="Google Shape;294;p18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5" name="Google Shape;295;p18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6" name="Google Shape;296;p18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7" name="Google Shape;297;p18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8" name="Google Shape;298;p18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299" name="Google Shape;299;p18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0" name="Google Shape;300;p18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1" name="Google Shape;301;p18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sp>
        <p:nvSpPr>
          <p:cNvPr id="302" name="Google Shape;302;p18"/>
          <p:cNvSpPr txBox="1">
            <a:spLocks noGrp="1"/>
          </p:cNvSpPr>
          <p:nvPr>
            <p:ph type="ctrTitle"/>
          </p:nvPr>
        </p:nvSpPr>
        <p:spPr>
          <a:xfrm>
            <a:off x="2678400" y="689133"/>
            <a:ext cx="6835200" cy="977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400"/>
              <a:buFont typeface="Permanent Marker"/>
              <a:buNone/>
              <a:defRPr sz="32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3000"/>
              <a:buFont typeface="Permanent Marker"/>
              <a:buNone/>
              <a:defRPr sz="4000">
                <a:latin typeface="Permanent Marker"/>
                <a:ea typeface="Permanent Marker"/>
                <a:cs typeface="Permanent Marker"/>
                <a:sym typeface="Permanent Marker"/>
              </a:defRPr>
            </a:lvl9pPr>
          </a:lstStyle>
          <a:p>
            <a:endParaRPr/>
          </a:p>
        </p:txBody>
      </p:sp>
      <p:sp>
        <p:nvSpPr>
          <p:cNvPr id="303" name="Google Shape;303;p18"/>
          <p:cNvSpPr txBox="1">
            <a:spLocks noGrp="1"/>
          </p:cNvSpPr>
          <p:nvPr>
            <p:ph type="body" idx="1"/>
          </p:nvPr>
        </p:nvSpPr>
        <p:spPr>
          <a:xfrm>
            <a:off x="1479551" y="2057400"/>
            <a:ext cx="4419600" cy="4161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397923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1pPr>
            <a:lvl2pPr marL="1219170" lvl="1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2pPr>
            <a:lvl3pPr marL="1828754" lvl="2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3pPr>
            <a:lvl4pPr marL="2438339" lvl="3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4pPr>
            <a:lvl5pPr marL="3047924" lvl="4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5pPr>
            <a:lvl6pPr marL="3657509" lvl="5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6pPr>
            <a:lvl7pPr marL="4267093" lvl="6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7pPr>
            <a:lvl8pPr marL="4876678" lvl="7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8pPr>
            <a:lvl9pPr marL="5486263" lvl="8" indent="-397923" rtl="0">
              <a:lnSpc>
                <a:spcPct val="115000"/>
              </a:lnSpc>
              <a:spcBef>
                <a:spcPts val="2133"/>
              </a:spcBef>
              <a:spcAft>
                <a:spcPts val="2133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  <p:sp>
        <p:nvSpPr>
          <p:cNvPr id="304" name="Google Shape;304;p18"/>
          <p:cNvSpPr txBox="1">
            <a:spLocks noGrp="1"/>
          </p:cNvSpPr>
          <p:nvPr>
            <p:ph type="body" idx="2"/>
          </p:nvPr>
        </p:nvSpPr>
        <p:spPr>
          <a:xfrm>
            <a:off x="6292851" y="2057400"/>
            <a:ext cx="4419600" cy="4161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397923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1pPr>
            <a:lvl2pPr marL="1219170" lvl="1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2pPr>
            <a:lvl3pPr marL="1828754" lvl="2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3pPr>
            <a:lvl4pPr marL="2438339" lvl="3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4pPr>
            <a:lvl5pPr marL="3047924" lvl="4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5pPr>
            <a:lvl6pPr marL="3657509" lvl="5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6pPr>
            <a:lvl7pPr marL="4267093" lvl="6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●"/>
              <a:defRPr sz="1467">
                <a:latin typeface="Comfortaa"/>
                <a:ea typeface="Comfortaa"/>
                <a:cs typeface="Comfortaa"/>
                <a:sym typeface="Comfortaa"/>
              </a:defRPr>
            </a:lvl7pPr>
            <a:lvl8pPr marL="4876678" lvl="7" indent="-397923" rtl="0">
              <a:lnSpc>
                <a:spcPct val="115000"/>
              </a:lnSpc>
              <a:spcBef>
                <a:spcPts val="2133"/>
              </a:spcBef>
              <a:spcAft>
                <a:spcPts val="0"/>
              </a:spcAft>
              <a:buSzPts val="1100"/>
              <a:buFont typeface="Comfortaa"/>
              <a:buChar char="○"/>
              <a:defRPr sz="1467">
                <a:latin typeface="Comfortaa"/>
                <a:ea typeface="Comfortaa"/>
                <a:cs typeface="Comfortaa"/>
                <a:sym typeface="Comfortaa"/>
              </a:defRPr>
            </a:lvl8pPr>
            <a:lvl9pPr marL="5486263" lvl="8" indent="-397923" rtl="0">
              <a:lnSpc>
                <a:spcPct val="115000"/>
              </a:lnSpc>
              <a:spcBef>
                <a:spcPts val="2133"/>
              </a:spcBef>
              <a:spcAft>
                <a:spcPts val="2133"/>
              </a:spcAft>
              <a:buSzPts val="1100"/>
              <a:buFont typeface="Comfortaa"/>
              <a:buChar char="■"/>
              <a:defRPr sz="1467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108907674"/>
      </p:ext>
    </p:extLst>
  </p:cSld>
  <p:clrMapOvr>
    <a:masterClrMapping/>
  </p:clrMapOvr>
</p:sldLayout>
</file>

<file path=ppt/slideLayouts/slideLayout8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">
  <p:cSld name="BACKGROUND"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06" name="Google Shape;306;p19"/>
          <p:cNvGrpSpPr/>
          <p:nvPr/>
        </p:nvGrpSpPr>
        <p:grpSpPr>
          <a:xfrm>
            <a:off x="-16603" y="413700"/>
            <a:ext cx="12241067" cy="6051067"/>
            <a:chOff x="-12452" y="310275"/>
            <a:chExt cx="9180800" cy="4538300"/>
          </a:xfrm>
        </p:grpSpPr>
        <p:cxnSp>
          <p:nvCxnSpPr>
            <p:cNvPr id="307" name="Google Shape;307;p19"/>
            <p:cNvCxnSpPr/>
            <p:nvPr/>
          </p:nvCxnSpPr>
          <p:spPr>
            <a:xfrm>
              <a:off x="-552" y="402343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8" name="Google Shape;308;p19"/>
            <p:cNvCxnSpPr/>
            <p:nvPr/>
          </p:nvCxnSpPr>
          <p:spPr>
            <a:xfrm>
              <a:off x="-12452" y="3102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09" name="Google Shape;309;p19"/>
            <p:cNvCxnSpPr/>
            <p:nvPr/>
          </p:nvCxnSpPr>
          <p:spPr>
            <a:xfrm>
              <a:off x="-552" y="722848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0" name="Google Shape;310;p19"/>
            <p:cNvCxnSpPr/>
            <p:nvPr/>
          </p:nvCxnSpPr>
          <p:spPr>
            <a:xfrm>
              <a:off x="-552" y="1135420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1" name="Google Shape;311;p19"/>
            <p:cNvCxnSpPr/>
            <p:nvPr/>
          </p:nvCxnSpPr>
          <p:spPr>
            <a:xfrm>
              <a:off x="-552" y="1547993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2" name="Google Shape;312;p19"/>
            <p:cNvCxnSpPr/>
            <p:nvPr/>
          </p:nvCxnSpPr>
          <p:spPr>
            <a:xfrm>
              <a:off x="-552" y="1960566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3" name="Google Shape;313;p19"/>
            <p:cNvCxnSpPr/>
            <p:nvPr/>
          </p:nvCxnSpPr>
          <p:spPr>
            <a:xfrm>
              <a:off x="-552" y="2373139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4" name="Google Shape;314;p19"/>
            <p:cNvCxnSpPr/>
            <p:nvPr/>
          </p:nvCxnSpPr>
          <p:spPr>
            <a:xfrm>
              <a:off x="-552" y="2785711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5" name="Google Shape;315;p19"/>
            <p:cNvCxnSpPr/>
            <p:nvPr/>
          </p:nvCxnSpPr>
          <p:spPr>
            <a:xfrm>
              <a:off x="-552" y="3198284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6" name="Google Shape;316;p19"/>
            <p:cNvCxnSpPr/>
            <p:nvPr/>
          </p:nvCxnSpPr>
          <p:spPr>
            <a:xfrm>
              <a:off x="-552" y="3610857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7" name="Google Shape;317;p19"/>
            <p:cNvCxnSpPr/>
            <p:nvPr/>
          </p:nvCxnSpPr>
          <p:spPr>
            <a:xfrm>
              <a:off x="-552" y="4436002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  <p:cxnSp>
          <p:nvCxnSpPr>
            <p:cNvPr id="318" name="Google Shape;318;p19"/>
            <p:cNvCxnSpPr/>
            <p:nvPr/>
          </p:nvCxnSpPr>
          <p:spPr>
            <a:xfrm>
              <a:off x="-552" y="4848575"/>
              <a:ext cx="9168900" cy="0"/>
            </a:xfrm>
            <a:prstGeom prst="straightConnector1">
              <a:avLst/>
            </a:prstGeom>
            <a:noFill/>
            <a:ln w="9525" cap="flat" cmpd="sng">
              <a:solidFill>
                <a:srgbClr val="F3F3F3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</p:spTree>
    <p:extLst>
      <p:ext uri="{BB962C8B-B14F-4D97-AF65-F5344CB8AC3E}">
        <p14:creationId xmlns:p14="http://schemas.microsoft.com/office/powerpoint/2010/main" val="2890632823"/>
      </p:ext>
    </p:extLst>
  </p:cSld>
  <p:clrMapOvr>
    <a:masterClrMapping/>
  </p:clrMapOvr>
</p:sldLayout>
</file>

<file path=ppt/slideLayouts/slideLayout8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 SLIDE">
  <p:cSld name="BLANK SLIDE">
    <p:spTree>
      <p:nvGrpSpPr>
        <p:cNvPr id="1" name="Shape 319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448030526"/>
      </p:ext>
    </p:extLst>
  </p:cSld>
  <p:clrMapOvr>
    <a:masterClrMapping/>
  </p:clrMapOvr>
</p:sldLayout>
</file>

<file path=ppt/slideLayouts/slideLayout8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57200" y="1420283"/>
            <a:ext cx="5181600" cy="980017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914400" y="2590800"/>
            <a:ext cx="4267200" cy="11684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30483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60966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91449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21932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52415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82898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133814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438644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4779859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920395966"/>
      </p:ext>
    </p:extLst>
  </p:cSld>
  <p:clrMapOvr>
    <a:masterClrMapping/>
  </p:clrMapOvr>
</p:sldLayout>
</file>

<file path=ppt/slideLayouts/slideLayout90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37283466"/>
      </p:ext>
    </p:extLst>
  </p:cSld>
  <p:clrMapOvr>
    <a:masterClrMapping/>
  </p:clrMapOvr>
</p:sldLayout>
</file>

<file path=ppt/slideLayouts/slideLayout91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1542" y="2937934"/>
            <a:ext cx="5181600" cy="908050"/>
          </a:xfrm>
        </p:spPr>
        <p:txBody>
          <a:bodyPr anchor="t"/>
          <a:lstStyle>
            <a:lvl1pPr algn="l">
              <a:defRPr sz="2667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81542" y="1937810"/>
            <a:ext cx="5181600" cy="1000125"/>
          </a:xfrm>
        </p:spPr>
        <p:txBody>
          <a:bodyPr anchor="b"/>
          <a:lstStyle>
            <a:lvl1pPr marL="0" indent="0">
              <a:buNone/>
              <a:defRPr sz="1333">
                <a:solidFill>
                  <a:schemeClr val="tx1">
                    <a:tint val="75000"/>
                  </a:schemeClr>
                </a:solidFill>
              </a:defRPr>
            </a:lvl1pPr>
            <a:lvl2pPr marL="304831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2pPr>
            <a:lvl3pPr marL="609660" indent="0">
              <a:buNone/>
              <a:defRPr sz="1067">
                <a:solidFill>
                  <a:schemeClr val="tx1">
                    <a:tint val="75000"/>
                  </a:schemeClr>
                </a:solidFill>
              </a:defRPr>
            </a:lvl3pPr>
            <a:lvl4pPr marL="914492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4pPr>
            <a:lvl5pPr marL="1219322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5pPr>
            <a:lvl6pPr marL="1524152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6pPr>
            <a:lvl7pPr marL="1828983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7pPr>
            <a:lvl8pPr marL="2133814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8pPr>
            <a:lvl9pPr marL="2438644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99690722"/>
      </p:ext>
    </p:extLst>
  </p:cSld>
  <p:clrMapOvr>
    <a:masterClrMapping/>
  </p:clrMapOvr>
</p:sldLayout>
</file>

<file path=ppt/slideLayouts/slideLayout92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066801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98800" y="1066801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0662534"/>
      </p:ext>
    </p:extLst>
  </p:cSld>
  <p:clrMapOvr>
    <a:masterClrMapping/>
  </p:clrMapOvr>
</p:sldLayout>
</file>

<file path=ppt/slideLayouts/slideLayout93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1" y="1023409"/>
            <a:ext cx="2693459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31" indent="0">
              <a:buNone/>
              <a:defRPr sz="1333" b="1"/>
            </a:lvl2pPr>
            <a:lvl3pPr marL="609660" indent="0">
              <a:buNone/>
              <a:defRPr sz="1200" b="1"/>
            </a:lvl3pPr>
            <a:lvl4pPr marL="914492" indent="0">
              <a:buNone/>
              <a:defRPr sz="1067" b="1"/>
            </a:lvl4pPr>
            <a:lvl5pPr marL="1219322" indent="0">
              <a:buNone/>
              <a:defRPr sz="1067" b="1"/>
            </a:lvl5pPr>
            <a:lvl6pPr marL="1524152" indent="0">
              <a:buNone/>
              <a:defRPr sz="1067" b="1"/>
            </a:lvl6pPr>
            <a:lvl7pPr marL="1828983" indent="0">
              <a:buNone/>
              <a:defRPr sz="1067" b="1"/>
            </a:lvl7pPr>
            <a:lvl8pPr marL="2133814" indent="0">
              <a:buNone/>
              <a:defRPr sz="1067" b="1"/>
            </a:lvl8pPr>
            <a:lvl9pPr marL="2438644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4801" y="1449917"/>
            <a:ext cx="2693459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096685" y="1023409"/>
            <a:ext cx="2694517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31" indent="0">
              <a:buNone/>
              <a:defRPr sz="1333" b="1"/>
            </a:lvl2pPr>
            <a:lvl3pPr marL="609660" indent="0">
              <a:buNone/>
              <a:defRPr sz="1200" b="1"/>
            </a:lvl3pPr>
            <a:lvl4pPr marL="914492" indent="0">
              <a:buNone/>
              <a:defRPr sz="1067" b="1"/>
            </a:lvl4pPr>
            <a:lvl5pPr marL="1219322" indent="0">
              <a:buNone/>
              <a:defRPr sz="1067" b="1"/>
            </a:lvl5pPr>
            <a:lvl6pPr marL="1524152" indent="0">
              <a:buNone/>
              <a:defRPr sz="1067" b="1"/>
            </a:lvl6pPr>
            <a:lvl7pPr marL="1828983" indent="0">
              <a:buNone/>
              <a:defRPr sz="1067" b="1"/>
            </a:lvl7pPr>
            <a:lvl8pPr marL="2133814" indent="0">
              <a:buNone/>
              <a:defRPr sz="1067" b="1"/>
            </a:lvl8pPr>
            <a:lvl9pPr marL="2438644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096685" y="1449917"/>
            <a:ext cx="2694517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62682096"/>
      </p:ext>
    </p:extLst>
  </p:cSld>
  <p:clrMapOvr>
    <a:masterClrMapping/>
  </p:clrMapOvr>
</p:sldLayout>
</file>

<file path=ppt/slideLayouts/slideLayout9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85663781"/>
      </p:ext>
    </p:extLst>
  </p:cSld>
  <p:clrMapOvr>
    <a:masterClrMapping/>
  </p:clrMapOvr>
</p:sldLayout>
</file>

<file path=ppt/slideLayouts/slideLayout9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2374420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6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4800" y="182033"/>
            <a:ext cx="2005542" cy="774700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383368" y="182035"/>
            <a:ext cx="3407833" cy="3902075"/>
          </a:xfrm>
        </p:spPr>
        <p:txBody>
          <a:bodyPr/>
          <a:lstStyle>
            <a:lvl1pPr>
              <a:defRPr sz="2133"/>
            </a:lvl1pPr>
            <a:lvl2pPr>
              <a:defRPr sz="1867"/>
            </a:lvl2pPr>
            <a:lvl3pPr>
              <a:defRPr sz="1600"/>
            </a:lvl3pPr>
            <a:lvl4pPr>
              <a:defRPr sz="1333"/>
            </a:lvl4pPr>
            <a:lvl5pPr>
              <a:defRPr sz="1333"/>
            </a:lvl5pPr>
            <a:lvl6pPr>
              <a:defRPr sz="1333"/>
            </a:lvl6pPr>
            <a:lvl7pPr>
              <a:defRPr sz="1333"/>
            </a:lvl7pPr>
            <a:lvl8pPr>
              <a:defRPr sz="1333"/>
            </a:lvl8pPr>
            <a:lvl9pPr>
              <a:defRPr sz="1333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304800" y="956735"/>
            <a:ext cx="2005542" cy="3127375"/>
          </a:xfrm>
        </p:spPr>
        <p:txBody>
          <a:bodyPr/>
          <a:lstStyle>
            <a:lvl1pPr marL="0" indent="0">
              <a:buNone/>
              <a:defRPr sz="933"/>
            </a:lvl1pPr>
            <a:lvl2pPr marL="304831" indent="0">
              <a:buNone/>
              <a:defRPr sz="800"/>
            </a:lvl2pPr>
            <a:lvl3pPr marL="609660" indent="0">
              <a:buNone/>
              <a:defRPr sz="667"/>
            </a:lvl3pPr>
            <a:lvl4pPr marL="914492" indent="0">
              <a:buNone/>
              <a:defRPr sz="600"/>
            </a:lvl4pPr>
            <a:lvl5pPr marL="1219322" indent="0">
              <a:buNone/>
              <a:defRPr sz="600"/>
            </a:lvl5pPr>
            <a:lvl6pPr marL="1524152" indent="0">
              <a:buNone/>
              <a:defRPr sz="600"/>
            </a:lvl6pPr>
            <a:lvl7pPr marL="1828983" indent="0">
              <a:buNone/>
              <a:defRPr sz="600"/>
            </a:lvl7pPr>
            <a:lvl8pPr marL="2133814" indent="0">
              <a:buNone/>
              <a:defRPr sz="600"/>
            </a:lvl8pPr>
            <a:lvl9pPr marL="2438644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86851321"/>
      </p:ext>
    </p:extLst>
  </p:cSld>
  <p:clrMapOvr>
    <a:masterClrMapping/>
  </p:clrMapOvr>
</p:sldLayout>
</file>

<file path=ppt/slideLayouts/slideLayout97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4859" y="3200401"/>
            <a:ext cx="3657600" cy="377825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194859" y="408517"/>
            <a:ext cx="3657600" cy="2743200"/>
          </a:xfrm>
        </p:spPr>
        <p:txBody>
          <a:bodyPr/>
          <a:lstStyle>
            <a:lvl1pPr marL="0" indent="0">
              <a:buNone/>
              <a:defRPr sz="2133"/>
            </a:lvl1pPr>
            <a:lvl2pPr marL="304831" indent="0">
              <a:buNone/>
              <a:defRPr sz="1867"/>
            </a:lvl2pPr>
            <a:lvl3pPr marL="609660" indent="0">
              <a:buNone/>
              <a:defRPr sz="1600"/>
            </a:lvl3pPr>
            <a:lvl4pPr marL="914492" indent="0">
              <a:buNone/>
              <a:defRPr sz="1333"/>
            </a:lvl4pPr>
            <a:lvl5pPr marL="1219322" indent="0">
              <a:buNone/>
              <a:defRPr sz="1333"/>
            </a:lvl5pPr>
            <a:lvl6pPr marL="1524152" indent="0">
              <a:buNone/>
              <a:defRPr sz="1333"/>
            </a:lvl6pPr>
            <a:lvl7pPr marL="1828983" indent="0">
              <a:buNone/>
              <a:defRPr sz="1333"/>
            </a:lvl7pPr>
            <a:lvl8pPr marL="2133814" indent="0">
              <a:buNone/>
              <a:defRPr sz="1333"/>
            </a:lvl8pPr>
            <a:lvl9pPr marL="2438644" indent="0">
              <a:buNone/>
              <a:defRPr sz="1333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94859" y="3578226"/>
            <a:ext cx="3657600" cy="536575"/>
          </a:xfrm>
        </p:spPr>
        <p:txBody>
          <a:bodyPr/>
          <a:lstStyle>
            <a:lvl1pPr marL="0" indent="0">
              <a:buNone/>
              <a:defRPr sz="933"/>
            </a:lvl1pPr>
            <a:lvl2pPr marL="304831" indent="0">
              <a:buNone/>
              <a:defRPr sz="800"/>
            </a:lvl2pPr>
            <a:lvl3pPr marL="609660" indent="0">
              <a:buNone/>
              <a:defRPr sz="667"/>
            </a:lvl3pPr>
            <a:lvl4pPr marL="914492" indent="0">
              <a:buNone/>
              <a:defRPr sz="600"/>
            </a:lvl4pPr>
            <a:lvl5pPr marL="1219322" indent="0">
              <a:buNone/>
              <a:defRPr sz="600"/>
            </a:lvl5pPr>
            <a:lvl6pPr marL="1524152" indent="0">
              <a:buNone/>
              <a:defRPr sz="600"/>
            </a:lvl6pPr>
            <a:lvl7pPr marL="1828983" indent="0">
              <a:buNone/>
              <a:defRPr sz="600"/>
            </a:lvl7pPr>
            <a:lvl8pPr marL="2133814" indent="0">
              <a:buNone/>
              <a:defRPr sz="600"/>
            </a:lvl8pPr>
            <a:lvl9pPr marL="2438644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03037802"/>
      </p:ext>
    </p:extLst>
  </p:cSld>
  <p:clrMapOvr>
    <a:masterClrMapping/>
  </p:clrMapOvr>
</p:sldLayout>
</file>

<file path=ppt/slideLayouts/slideLayout98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23913845"/>
      </p:ext>
    </p:extLst>
  </p:cSld>
  <p:clrMapOvr>
    <a:masterClrMapping/>
  </p:clrMapOvr>
</p:sldLayout>
</file>

<file path=ppt/slideLayouts/slideLayout9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4419600" y="183093"/>
            <a:ext cx="1371600" cy="3901017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304800" y="183093"/>
            <a:ext cx="4013200" cy="3901017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064028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0.xml"/><Relationship Id="rId13" Type="http://schemas.openxmlformats.org/officeDocument/2006/relationships/theme" Target="../theme/theme3.xml"/><Relationship Id="rId3" Type="http://schemas.openxmlformats.org/officeDocument/2006/relationships/slideLayout" Target="../slideLayouts/slideLayout25.xml"/><Relationship Id="rId7" Type="http://schemas.openxmlformats.org/officeDocument/2006/relationships/slideLayout" Target="../slideLayouts/slideLayout29.xml"/><Relationship Id="rId12" Type="http://schemas.openxmlformats.org/officeDocument/2006/relationships/slideLayout" Target="../slideLayouts/slideLayout34.xml"/><Relationship Id="rId2" Type="http://schemas.openxmlformats.org/officeDocument/2006/relationships/slideLayout" Target="../slideLayouts/slideLayout24.xml"/><Relationship Id="rId1" Type="http://schemas.openxmlformats.org/officeDocument/2006/relationships/slideLayout" Target="../slideLayouts/slideLayout23.xml"/><Relationship Id="rId6" Type="http://schemas.openxmlformats.org/officeDocument/2006/relationships/slideLayout" Target="../slideLayouts/slideLayout28.xml"/><Relationship Id="rId11" Type="http://schemas.openxmlformats.org/officeDocument/2006/relationships/slideLayout" Target="../slideLayouts/slideLayout33.xml"/><Relationship Id="rId5" Type="http://schemas.openxmlformats.org/officeDocument/2006/relationships/slideLayout" Target="../slideLayouts/slideLayout27.xml"/><Relationship Id="rId10" Type="http://schemas.openxmlformats.org/officeDocument/2006/relationships/slideLayout" Target="../slideLayouts/slideLayout32.xml"/><Relationship Id="rId4" Type="http://schemas.openxmlformats.org/officeDocument/2006/relationships/slideLayout" Target="../slideLayouts/slideLayout26.xml"/><Relationship Id="rId9" Type="http://schemas.openxmlformats.org/officeDocument/2006/relationships/slideLayout" Target="../slideLayouts/slideLayout31.xml"/></Relationships>
</file>

<file path=ppt/slideMasters/_rels/slideMaster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42.xml"/><Relationship Id="rId3" Type="http://schemas.openxmlformats.org/officeDocument/2006/relationships/slideLayout" Target="../slideLayouts/slideLayout37.xml"/><Relationship Id="rId7" Type="http://schemas.openxmlformats.org/officeDocument/2006/relationships/slideLayout" Target="../slideLayouts/slideLayout41.xml"/><Relationship Id="rId12" Type="http://schemas.openxmlformats.org/officeDocument/2006/relationships/theme" Target="../theme/theme4.xml"/><Relationship Id="rId2" Type="http://schemas.openxmlformats.org/officeDocument/2006/relationships/slideLayout" Target="../slideLayouts/slideLayout36.xml"/><Relationship Id="rId1" Type="http://schemas.openxmlformats.org/officeDocument/2006/relationships/slideLayout" Target="../slideLayouts/slideLayout35.xml"/><Relationship Id="rId6" Type="http://schemas.openxmlformats.org/officeDocument/2006/relationships/slideLayout" Target="../slideLayouts/slideLayout40.xml"/><Relationship Id="rId11" Type="http://schemas.openxmlformats.org/officeDocument/2006/relationships/slideLayout" Target="../slideLayouts/slideLayout45.xml"/><Relationship Id="rId5" Type="http://schemas.openxmlformats.org/officeDocument/2006/relationships/slideLayout" Target="../slideLayouts/slideLayout39.xml"/><Relationship Id="rId10" Type="http://schemas.openxmlformats.org/officeDocument/2006/relationships/slideLayout" Target="../slideLayouts/slideLayout44.xml"/><Relationship Id="rId4" Type="http://schemas.openxmlformats.org/officeDocument/2006/relationships/slideLayout" Target="../slideLayouts/slideLayout38.xml"/><Relationship Id="rId9" Type="http://schemas.openxmlformats.org/officeDocument/2006/relationships/slideLayout" Target="../slideLayouts/slideLayout43.xml"/></Relationships>
</file>

<file path=ppt/slideMasters/_rels/slideMaster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53.xml"/><Relationship Id="rId13" Type="http://schemas.openxmlformats.org/officeDocument/2006/relationships/slideLayout" Target="../slideLayouts/slideLayout58.xml"/><Relationship Id="rId3" Type="http://schemas.openxmlformats.org/officeDocument/2006/relationships/slideLayout" Target="../slideLayouts/slideLayout48.xml"/><Relationship Id="rId7" Type="http://schemas.openxmlformats.org/officeDocument/2006/relationships/slideLayout" Target="../slideLayouts/slideLayout52.xml"/><Relationship Id="rId12" Type="http://schemas.openxmlformats.org/officeDocument/2006/relationships/slideLayout" Target="../slideLayouts/slideLayout57.xml"/><Relationship Id="rId2" Type="http://schemas.openxmlformats.org/officeDocument/2006/relationships/slideLayout" Target="../slideLayouts/slideLayout47.xml"/><Relationship Id="rId1" Type="http://schemas.openxmlformats.org/officeDocument/2006/relationships/slideLayout" Target="../slideLayouts/slideLayout46.xml"/><Relationship Id="rId6" Type="http://schemas.openxmlformats.org/officeDocument/2006/relationships/slideLayout" Target="../slideLayouts/slideLayout51.xml"/><Relationship Id="rId11" Type="http://schemas.openxmlformats.org/officeDocument/2006/relationships/slideLayout" Target="../slideLayouts/slideLayout56.xml"/><Relationship Id="rId5" Type="http://schemas.openxmlformats.org/officeDocument/2006/relationships/slideLayout" Target="../slideLayouts/slideLayout50.xml"/><Relationship Id="rId10" Type="http://schemas.openxmlformats.org/officeDocument/2006/relationships/slideLayout" Target="../slideLayouts/slideLayout55.xml"/><Relationship Id="rId4" Type="http://schemas.openxmlformats.org/officeDocument/2006/relationships/slideLayout" Target="../slideLayouts/slideLayout49.xml"/><Relationship Id="rId9" Type="http://schemas.openxmlformats.org/officeDocument/2006/relationships/slideLayout" Target="../slideLayouts/slideLayout54.xml"/><Relationship Id="rId14" Type="http://schemas.openxmlformats.org/officeDocument/2006/relationships/theme" Target="../theme/theme5.xml"/></Relationships>
</file>

<file path=ppt/slideMasters/_rels/slideMaster6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66.xml"/><Relationship Id="rId3" Type="http://schemas.openxmlformats.org/officeDocument/2006/relationships/slideLayout" Target="../slideLayouts/slideLayout61.xml"/><Relationship Id="rId7" Type="http://schemas.openxmlformats.org/officeDocument/2006/relationships/slideLayout" Target="../slideLayouts/slideLayout65.xml"/><Relationship Id="rId12" Type="http://schemas.openxmlformats.org/officeDocument/2006/relationships/theme" Target="../theme/theme6.xml"/><Relationship Id="rId2" Type="http://schemas.openxmlformats.org/officeDocument/2006/relationships/slideLayout" Target="../slideLayouts/slideLayout60.xml"/><Relationship Id="rId1" Type="http://schemas.openxmlformats.org/officeDocument/2006/relationships/slideLayout" Target="../slideLayouts/slideLayout59.xml"/><Relationship Id="rId6" Type="http://schemas.openxmlformats.org/officeDocument/2006/relationships/slideLayout" Target="../slideLayouts/slideLayout64.xml"/><Relationship Id="rId11" Type="http://schemas.openxmlformats.org/officeDocument/2006/relationships/slideLayout" Target="../slideLayouts/slideLayout69.xml"/><Relationship Id="rId5" Type="http://schemas.openxmlformats.org/officeDocument/2006/relationships/slideLayout" Target="../slideLayouts/slideLayout63.xml"/><Relationship Id="rId10" Type="http://schemas.openxmlformats.org/officeDocument/2006/relationships/slideLayout" Target="../slideLayouts/slideLayout68.xml"/><Relationship Id="rId4" Type="http://schemas.openxmlformats.org/officeDocument/2006/relationships/slideLayout" Target="../slideLayouts/slideLayout62.xml"/><Relationship Id="rId9" Type="http://schemas.openxmlformats.org/officeDocument/2006/relationships/slideLayout" Target="../slideLayouts/slideLayout67.xml"/></Relationships>
</file>

<file path=ppt/slideMasters/_rels/slideMaster7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77.xml"/><Relationship Id="rId13" Type="http://schemas.openxmlformats.org/officeDocument/2006/relationships/slideLayout" Target="../slideLayouts/slideLayout82.xml"/><Relationship Id="rId18" Type="http://schemas.openxmlformats.org/officeDocument/2006/relationships/slideLayout" Target="../slideLayouts/slideLayout87.xml"/><Relationship Id="rId3" Type="http://schemas.openxmlformats.org/officeDocument/2006/relationships/slideLayout" Target="../slideLayouts/slideLayout72.xml"/><Relationship Id="rId7" Type="http://schemas.openxmlformats.org/officeDocument/2006/relationships/slideLayout" Target="../slideLayouts/slideLayout76.xml"/><Relationship Id="rId12" Type="http://schemas.openxmlformats.org/officeDocument/2006/relationships/slideLayout" Target="../slideLayouts/slideLayout81.xml"/><Relationship Id="rId17" Type="http://schemas.openxmlformats.org/officeDocument/2006/relationships/slideLayout" Target="../slideLayouts/slideLayout86.xml"/><Relationship Id="rId2" Type="http://schemas.openxmlformats.org/officeDocument/2006/relationships/slideLayout" Target="../slideLayouts/slideLayout71.xml"/><Relationship Id="rId16" Type="http://schemas.openxmlformats.org/officeDocument/2006/relationships/slideLayout" Target="../slideLayouts/slideLayout85.xml"/><Relationship Id="rId20" Type="http://schemas.openxmlformats.org/officeDocument/2006/relationships/theme" Target="../theme/theme7.xml"/><Relationship Id="rId1" Type="http://schemas.openxmlformats.org/officeDocument/2006/relationships/slideLayout" Target="../slideLayouts/slideLayout70.xml"/><Relationship Id="rId6" Type="http://schemas.openxmlformats.org/officeDocument/2006/relationships/slideLayout" Target="../slideLayouts/slideLayout75.xml"/><Relationship Id="rId11" Type="http://schemas.openxmlformats.org/officeDocument/2006/relationships/slideLayout" Target="../slideLayouts/slideLayout80.xml"/><Relationship Id="rId5" Type="http://schemas.openxmlformats.org/officeDocument/2006/relationships/slideLayout" Target="../slideLayouts/slideLayout74.xml"/><Relationship Id="rId15" Type="http://schemas.openxmlformats.org/officeDocument/2006/relationships/slideLayout" Target="../slideLayouts/slideLayout84.xml"/><Relationship Id="rId10" Type="http://schemas.openxmlformats.org/officeDocument/2006/relationships/slideLayout" Target="../slideLayouts/slideLayout79.xml"/><Relationship Id="rId19" Type="http://schemas.openxmlformats.org/officeDocument/2006/relationships/slideLayout" Target="../slideLayouts/slideLayout88.xml"/><Relationship Id="rId4" Type="http://schemas.openxmlformats.org/officeDocument/2006/relationships/slideLayout" Target="../slideLayouts/slideLayout73.xml"/><Relationship Id="rId9" Type="http://schemas.openxmlformats.org/officeDocument/2006/relationships/slideLayout" Target="../slideLayouts/slideLayout78.xml"/><Relationship Id="rId14" Type="http://schemas.openxmlformats.org/officeDocument/2006/relationships/slideLayout" Target="../slideLayouts/slideLayout83.xml"/></Relationships>
</file>

<file path=ppt/slideMasters/_rels/slideMaster8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96.xml"/><Relationship Id="rId3" Type="http://schemas.openxmlformats.org/officeDocument/2006/relationships/slideLayout" Target="../slideLayouts/slideLayout91.xml"/><Relationship Id="rId7" Type="http://schemas.openxmlformats.org/officeDocument/2006/relationships/slideLayout" Target="../slideLayouts/slideLayout95.xml"/><Relationship Id="rId12" Type="http://schemas.openxmlformats.org/officeDocument/2006/relationships/theme" Target="../theme/theme8.xml"/><Relationship Id="rId2" Type="http://schemas.openxmlformats.org/officeDocument/2006/relationships/slideLayout" Target="../slideLayouts/slideLayout90.xml"/><Relationship Id="rId1" Type="http://schemas.openxmlformats.org/officeDocument/2006/relationships/slideLayout" Target="../slideLayouts/slideLayout89.xml"/><Relationship Id="rId6" Type="http://schemas.openxmlformats.org/officeDocument/2006/relationships/slideLayout" Target="../slideLayouts/slideLayout94.xml"/><Relationship Id="rId11" Type="http://schemas.openxmlformats.org/officeDocument/2006/relationships/slideLayout" Target="../slideLayouts/slideLayout99.xml"/><Relationship Id="rId5" Type="http://schemas.openxmlformats.org/officeDocument/2006/relationships/slideLayout" Target="../slideLayouts/slideLayout93.xml"/><Relationship Id="rId10" Type="http://schemas.openxmlformats.org/officeDocument/2006/relationships/slideLayout" Target="../slideLayouts/slideLayout98.xml"/><Relationship Id="rId4" Type="http://schemas.openxmlformats.org/officeDocument/2006/relationships/slideLayout" Target="../slideLayouts/slideLayout92.xml"/><Relationship Id="rId9" Type="http://schemas.openxmlformats.org/officeDocument/2006/relationships/slideLayout" Target="../slideLayouts/slideLayout97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7F7F7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50A0CA8-833C-4448-9210-02FA2D19E15C}" type="datetimeFigureOut">
              <a:rPr lang="tr-TR" smtClean="0"/>
              <a:t>15.11.2024</a:t>
            </a:fld>
            <a:endParaRPr lang="tr-TR"/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FC2DDD5-C1F3-4E4E-A271-94C3FF735585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5777480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7F7F7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5F0EB54E-1C02-409C-9495-793084ADA35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675961D-6721-4D0E-809E-24DDD6634DA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AC92E1B-12E6-4E96-9D01-CADC3D137148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2AB8FA0-A403-4832-B706-F701A349DAC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2A41398-458D-4B57-803F-CCA52442714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6FD1B0C-ED15-4286-891C-C64EAE9DDC29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A6543F-AA25-4418-84C7-1AD48BA45A19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5913508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7F7F7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393E0BA6-8B55-4770-92E2-50A813E5248E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013F1D1-2948-48AC-96E3-48D98A46533A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18965478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98" r:id="rId1"/>
    <p:sldLayoutId id="2147483699" r:id="rId2"/>
    <p:sldLayoutId id="2147483700" r:id="rId3"/>
    <p:sldLayoutId id="2147483701" r:id="rId4"/>
    <p:sldLayoutId id="2147483702" r:id="rId5"/>
    <p:sldLayoutId id="2147483703" r:id="rId6"/>
    <p:sldLayoutId id="2147483704" r:id="rId7"/>
    <p:sldLayoutId id="2147483705" r:id="rId8"/>
    <p:sldLayoutId id="2147483706" r:id="rId9"/>
    <p:sldLayoutId id="2147483707" r:id="rId10"/>
    <p:sldLayoutId id="2147483708" r:id="rId11"/>
    <p:sldLayoutId id="2147483709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7F7F7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54B78637-0EE5-4CBD-A401-29827598B86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0E89B9D5-F0EF-4076-9C2D-A17631A6D07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6AB752A-68C8-4F95-9890-ABF85BFB17F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E08D991-C7D2-4D15-9909-58F8887CD8B5}" type="datetimeFigureOut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/15/202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208AA18-20C0-43DE-9A0E-2210504AC054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CB6510-8B84-42AB-8CF6-647DF032915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F99F863F-2242-4677-B367-C428513BF30E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6456050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1" r:id="rId1"/>
    <p:sldLayoutId id="2147483712" r:id="rId2"/>
    <p:sldLayoutId id="2147483713" r:id="rId3"/>
    <p:sldLayoutId id="2147483714" r:id="rId4"/>
    <p:sldLayoutId id="2147483715" r:id="rId5"/>
    <p:sldLayoutId id="2147483716" r:id="rId6"/>
    <p:sldLayoutId id="2147483717" r:id="rId7"/>
    <p:sldLayoutId id="2147483718" r:id="rId8"/>
    <p:sldLayoutId id="2147483719" r:id="rId9"/>
    <p:sldLayoutId id="2147483720" r:id="rId10"/>
    <p:sldLayoutId id="2147483721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5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rgbClr val="F7F7F7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6366513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36" r:id="rId1"/>
    <p:sldLayoutId id="2147483737" r:id="rId2"/>
    <p:sldLayoutId id="2147483738" r:id="rId3"/>
    <p:sldLayoutId id="2147483739" r:id="rId4"/>
    <p:sldLayoutId id="2147483740" r:id="rId5"/>
    <p:sldLayoutId id="2147483741" r:id="rId6"/>
    <p:sldLayoutId id="2147483743" r:id="rId7"/>
    <p:sldLayoutId id="2147483744" r:id="rId8"/>
    <p:sldLayoutId id="2147483745" r:id="rId9"/>
    <p:sldLayoutId id="2147483746" r:id="rId10"/>
    <p:sldLayoutId id="2147483747" r:id="rId11"/>
    <p:sldLayoutId id="2147483748" r:id="rId12"/>
    <p:sldLayoutId id="2147483749" r:id="rId13"/>
  </p:sldLayoutIdLst>
  <p:txStyles>
    <p:titleStyle>
      <a:lvl1pPr algn="ctr" defTabSz="1219170" rtl="0" eaLnBrk="1" latinLnBrk="1" hangingPunct="1">
        <a:spcBef>
          <a:spcPct val="0"/>
        </a:spcBef>
        <a:buNone/>
        <a:defRPr sz="5867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457189" indent="-457189" algn="l" defTabSz="1219170" rtl="0" eaLnBrk="1" latinLnBrk="1" hangingPunct="1">
        <a:spcBef>
          <a:spcPct val="20000"/>
        </a:spcBef>
        <a:buFont typeface="Arial" pitchFamily="34" charset="0"/>
        <a:buChar char="•"/>
        <a:defRPr sz="4267" kern="1200">
          <a:solidFill>
            <a:schemeClr val="tx1"/>
          </a:solidFill>
          <a:latin typeface="+mn-lt"/>
          <a:ea typeface="+mn-ea"/>
          <a:cs typeface="+mn-cs"/>
        </a:defRPr>
      </a:lvl1pPr>
      <a:lvl2pPr marL="990575" indent="-380990" algn="l" defTabSz="1219170" rtl="0" eaLnBrk="1" latinLnBrk="1" hangingPunct="1">
        <a:spcBef>
          <a:spcPct val="20000"/>
        </a:spcBef>
        <a:buFont typeface="Arial" pitchFamily="34" charset="0"/>
        <a:buChar char="–"/>
        <a:defRPr sz="3733" kern="1200">
          <a:solidFill>
            <a:schemeClr val="tx1"/>
          </a:solidFill>
          <a:latin typeface="+mn-lt"/>
          <a:ea typeface="+mn-ea"/>
          <a:cs typeface="+mn-cs"/>
        </a:defRPr>
      </a:lvl2pPr>
      <a:lvl3pPr marL="1523962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3pPr>
      <a:lvl4pPr marL="2133547" indent="-304792" algn="l" defTabSz="1219170" rtl="0" eaLnBrk="1" latinLnBrk="1" hangingPunct="1">
        <a:spcBef>
          <a:spcPct val="20000"/>
        </a:spcBef>
        <a:buFont typeface="Arial" pitchFamily="34" charset="0"/>
        <a:buChar char="–"/>
        <a:defRPr sz="2667" kern="1200">
          <a:solidFill>
            <a:schemeClr val="tx1"/>
          </a:solidFill>
          <a:latin typeface="+mn-lt"/>
          <a:ea typeface="+mn-ea"/>
          <a:cs typeface="+mn-cs"/>
        </a:defRPr>
      </a:lvl4pPr>
      <a:lvl5pPr marL="2743131" indent="-304792" algn="l" defTabSz="1219170" rtl="0" eaLnBrk="1" latinLnBrk="1" hangingPunct="1">
        <a:spcBef>
          <a:spcPct val="20000"/>
        </a:spcBef>
        <a:buFont typeface="Arial" pitchFamily="34" charset="0"/>
        <a:buChar char="»"/>
        <a:defRPr sz="2667" kern="1200">
          <a:solidFill>
            <a:schemeClr val="tx1"/>
          </a:solidFill>
          <a:latin typeface="+mn-lt"/>
          <a:ea typeface="+mn-ea"/>
          <a:cs typeface="+mn-cs"/>
        </a:defRPr>
      </a:lvl5pPr>
      <a:lvl6pPr marL="3352716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6pPr>
      <a:lvl7pPr marL="3962301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7pPr>
      <a:lvl8pPr marL="4571886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8pPr>
      <a:lvl9pPr marL="5181470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09585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219170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828754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4pPr>
      <a:lvl5pPr marL="2438339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5pPr>
      <a:lvl6pPr marL="3047924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6pPr>
      <a:lvl7pPr marL="3657509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7pPr>
      <a:lvl8pPr marL="4267093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8pPr>
      <a:lvl9pPr marL="4876678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6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7F7F7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3767996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51" r:id="rId1"/>
    <p:sldLayoutId id="2147483752" r:id="rId2"/>
    <p:sldLayoutId id="2147483753" r:id="rId3"/>
    <p:sldLayoutId id="2147483754" r:id="rId4"/>
    <p:sldLayoutId id="2147483755" r:id="rId5"/>
    <p:sldLayoutId id="2147483756" r:id="rId6"/>
    <p:sldLayoutId id="2147483757" r:id="rId7"/>
    <p:sldLayoutId id="2147483758" r:id="rId8"/>
    <p:sldLayoutId id="2147483759" r:id="rId9"/>
    <p:sldLayoutId id="2147483760" r:id="rId10"/>
    <p:sldLayoutId id="2147483761" r:id="rId11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7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7F7F7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415600" y="593367"/>
            <a:ext cx="11360800" cy="76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Font typeface="Permanent Marker"/>
              <a:buNone/>
              <a:defRPr sz="2800">
                <a:latin typeface="Permanent Marker"/>
                <a:ea typeface="Permanent Marker"/>
                <a:cs typeface="Permanent Marker"/>
                <a:sym typeface="Permanent Marker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415600" y="1536633"/>
            <a:ext cx="11360800" cy="455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29845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Font typeface="Comfortaa"/>
              <a:buChar char="●"/>
              <a:defRPr sz="1100">
                <a:latin typeface="Comfortaa"/>
                <a:ea typeface="Comfortaa"/>
                <a:cs typeface="Comfortaa"/>
                <a:sym typeface="Comfortaa"/>
              </a:defRPr>
            </a:lvl1pPr>
            <a:lvl2pPr marL="914400" lvl="1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○"/>
              <a:defRPr sz="1100">
                <a:latin typeface="Comfortaa"/>
                <a:ea typeface="Comfortaa"/>
                <a:cs typeface="Comfortaa"/>
                <a:sym typeface="Comfortaa"/>
              </a:defRPr>
            </a:lvl2pPr>
            <a:lvl3pPr marL="1371600" lvl="2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■"/>
              <a:defRPr sz="1100">
                <a:latin typeface="Comfortaa"/>
                <a:ea typeface="Comfortaa"/>
                <a:cs typeface="Comfortaa"/>
                <a:sym typeface="Comfortaa"/>
              </a:defRPr>
            </a:lvl3pPr>
            <a:lvl4pPr marL="1828800" lvl="3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●"/>
              <a:defRPr sz="1100">
                <a:latin typeface="Comfortaa"/>
                <a:ea typeface="Comfortaa"/>
                <a:cs typeface="Comfortaa"/>
                <a:sym typeface="Comfortaa"/>
              </a:defRPr>
            </a:lvl4pPr>
            <a:lvl5pPr marL="2286000" lvl="4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○"/>
              <a:defRPr sz="1100">
                <a:latin typeface="Comfortaa"/>
                <a:ea typeface="Comfortaa"/>
                <a:cs typeface="Comfortaa"/>
                <a:sym typeface="Comfortaa"/>
              </a:defRPr>
            </a:lvl5pPr>
            <a:lvl6pPr marL="2743200" lvl="5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■"/>
              <a:defRPr sz="1100">
                <a:latin typeface="Comfortaa"/>
                <a:ea typeface="Comfortaa"/>
                <a:cs typeface="Comfortaa"/>
                <a:sym typeface="Comfortaa"/>
              </a:defRPr>
            </a:lvl6pPr>
            <a:lvl7pPr marL="3200400" lvl="6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●"/>
              <a:defRPr sz="1100">
                <a:latin typeface="Comfortaa"/>
                <a:ea typeface="Comfortaa"/>
                <a:cs typeface="Comfortaa"/>
                <a:sym typeface="Comfortaa"/>
              </a:defRPr>
            </a:lvl7pPr>
            <a:lvl8pPr marL="3657600" lvl="7" indent="-29845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SzPts val="1100"/>
              <a:buFont typeface="Comfortaa"/>
              <a:buChar char="○"/>
              <a:defRPr sz="1100">
                <a:latin typeface="Comfortaa"/>
                <a:ea typeface="Comfortaa"/>
                <a:cs typeface="Comfortaa"/>
                <a:sym typeface="Comfortaa"/>
              </a:defRPr>
            </a:lvl8pPr>
            <a:lvl9pPr marL="4114800" lvl="8" indent="-29845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SzPts val="1100"/>
              <a:buFont typeface="Comfortaa"/>
              <a:buChar char="■"/>
              <a:defRPr sz="1100"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56857250"/>
      </p:ext>
    </p:extLst>
  </p:cSld>
  <p:clrMap bg1="lt1" tx1="dk1" bg2="dk2" tx2="lt2" accent1="accent1" accent2="accent2" accent3="accent3" accent4="accent4" accent5="accent5" accent6="accent6" hlink="hlink" folHlink="folHlink"/>
  <p:sldLayoutIdLst>
    <p:sldLayoutId id="2147483763" r:id="rId1"/>
    <p:sldLayoutId id="2147483764" r:id="rId2"/>
    <p:sldLayoutId id="2147483765" r:id="rId3"/>
    <p:sldLayoutId id="2147483766" r:id="rId4"/>
    <p:sldLayoutId id="2147483767" r:id="rId5"/>
    <p:sldLayoutId id="2147483768" r:id="rId6"/>
    <p:sldLayoutId id="2147483769" r:id="rId7"/>
    <p:sldLayoutId id="2147483770" r:id="rId8"/>
    <p:sldLayoutId id="2147483771" r:id="rId9"/>
    <p:sldLayoutId id="2147483772" r:id="rId10"/>
    <p:sldLayoutId id="2147483773" r:id="rId11"/>
    <p:sldLayoutId id="2147483774" r:id="rId12"/>
    <p:sldLayoutId id="2147483775" r:id="rId13"/>
    <p:sldLayoutId id="2147483776" r:id="rId14"/>
    <p:sldLayoutId id="2147483777" r:id="rId15"/>
    <p:sldLayoutId id="2147483778" r:id="rId16"/>
    <p:sldLayoutId id="2147483779" r:id="rId17"/>
    <p:sldLayoutId id="2147483780" r:id="rId18"/>
    <p:sldLayoutId id="2147483781" r:id="rId19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8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304800" y="183092"/>
            <a:ext cx="5486400" cy="762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66801"/>
            <a:ext cx="5486400" cy="301730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304800" y="4237568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082800" y="4237568"/>
            <a:ext cx="1930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368800" y="4237568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4480399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83" r:id="rId1"/>
    <p:sldLayoutId id="2147483784" r:id="rId2"/>
    <p:sldLayoutId id="2147483785" r:id="rId3"/>
    <p:sldLayoutId id="2147483786" r:id="rId4"/>
    <p:sldLayoutId id="2147483787" r:id="rId5"/>
    <p:sldLayoutId id="2147483788" r:id="rId6"/>
    <p:sldLayoutId id="2147483789" r:id="rId7"/>
    <p:sldLayoutId id="2147483790" r:id="rId8"/>
    <p:sldLayoutId id="2147483791" r:id="rId9"/>
    <p:sldLayoutId id="2147483792" r:id="rId10"/>
    <p:sldLayoutId id="2147483793" r:id="rId11"/>
  </p:sldLayoutIdLst>
  <p:txStyles>
    <p:titleStyle>
      <a:lvl1pPr algn="ctr" defTabSz="609660" rtl="0" eaLnBrk="1" latinLnBrk="0" hangingPunct="1">
        <a:spcBef>
          <a:spcPct val="0"/>
        </a:spcBef>
        <a:buNone/>
        <a:defRPr sz="2933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23" indent="-228623" algn="l" defTabSz="609660" rtl="0" eaLnBrk="1" latinLnBrk="0" hangingPunct="1">
        <a:spcBef>
          <a:spcPct val="20000"/>
        </a:spcBef>
        <a:buFont typeface="Arial" pitchFamily="34" charset="0"/>
        <a:buChar char="•"/>
        <a:defRPr sz="2133" kern="1200">
          <a:solidFill>
            <a:schemeClr val="tx1"/>
          </a:solidFill>
          <a:latin typeface="+mn-lt"/>
          <a:ea typeface="+mn-ea"/>
          <a:cs typeface="+mn-cs"/>
        </a:defRPr>
      </a:lvl1pPr>
      <a:lvl2pPr marL="495350" indent="-190520" algn="l" defTabSz="609660" rtl="0" eaLnBrk="1" latinLnBrk="0" hangingPunct="1">
        <a:spcBef>
          <a:spcPct val="20000"/>
        </a:spcBef>
        <a:buFont typeface="Arial" pitchFamily="34" charset="0"/>
        <a:buChar char="–"/>
        <a:defRPr sz="1867" kern="1200">
          <a:solidFill>
            <a:schemeClr val="tx1"/>
          </a:solidFill>
          <a:latin typeface="+mn-lt"/>
          <a:ea typeface="+mn-ea"/>
          <a:cs typeface="+mn-cs"/>
        </a:defRPr>
      </a:lvl2pPr>
      <a:lvl3pPr marL="762076" indent="-152416" algn="l" defTabSz="60966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066907" indent="-152416" algn="l" defTabSz="609660" rtl="0" eaLnBrk="1" latinLnBrk="0" hangingPunct="1">
        <a:spcBef>
          <a:spcPct val="20000"/>
        </a:spcBef>
        <a:buFont typeface="Arial" pitchFamily="34" charset="0"/>
        <a:buChar char="–"/>
        <a:defRPr sz="1333" kern="1200">
          <a:solidFill>
            <a:schemeClr val="tx1"/>
          </a:solidFill>
          <a:latin typeface="+mn-lt"/>
          <a:ea typeface="+mn-ea"/>
          <a:cs typeface="+mn-cs"/>
        </a:defRPr>
      </a:lvl4pPr>
      <a:lvl5pPr marL="1371738" indent="-152416" algn="l" defTabSz="609660" rtl="0" eaLnBrk="1" latinLnBrk="0" hangingPunct="1">
        <a:spcBef>
          <a:spcPct val="20000"/>
        </a:spcBef>
        <a:buFont typeface="Arial" pitchFamily="34" charset="0"/>
        <a:buChar char="»"/>
        <a:defRPr sz="1333" kern="1200">
          <a:solidFill>
            <a:schemeClr val="tx1"/>
          </a:solidFill>
          <a:latin typeface="+mn-lt"/>
          <a:ea typeface="+mn-ea"/>
          <a:cs typeface="+mn-cs"/>
        </a:defRPr>
      </a:lvl5pPr>
      <a:lvl6pPr marL="1676568" indent="-152416" algn="l" defTabSz="60966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6pPr>
      <a:lvl7pPr marL="1981398" indent="-152416" algn="l" defTabSz="60966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7pPr>
      <a:lvl8pPr marL="2286228" indent="-152416" algn="l" defTabSz="60966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8pPr>
      <a:lvl9pPr marL="2591060" indent="-152416" algn="l" defTabSz="60966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0966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1pPr>
      <a:lvl2pPr marL="304831" algn="l" defTabSz="60966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2pPr>
      <a:lvl3pPr marL="609660" algn="l" defTabSz="60966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3pPr>
      <a:lvl4pPr marL="914492" algn="l" defTabSz="60966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4pPr>
      <a:lvl5pPr marL="1219322" algn="l" defTabSz="60966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5pPr>
      <a:lvl6pPr marL="1524152" algn="l" defTabSz="60966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983" algn="l" defTabSz="60966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7pPr>
      <a:lvl8pPr marL="2133814" algn="l" defTabSz="60966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8pPr>
      <a:lvl9pPr marL="2438644" algn="l" defTabSz="60966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35.xml"/><Relationship Id="rId1" Type="http://schemas.openxmlformats.org/officeDocument/2006/relationships/tags" Target="../tags/tag14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35.xml"/><Relationship Id="rId1" Type="http://schemas.openxmlformats.org/officeDocument/2006/relationships/tags" Target="../tags/tag15.xml"/><Relationship Id="rId5" Type="http://schemas.openxmlformats.org/officeDocument/2006/relationships/image" Target="../media/image13.png"/><Relationship Id="rId4" Type="http://schemas.openxmlformats.org/officeDocument/2006/relationships/hyperlink" Target="http://kuran.diyanet.gov.tr/mushaf" TargetMode="Externa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36.xml"/><Relationship Id="rId1" Type="http://schemas.openxmlformats.org/officeDocument/2006/relationships/tags" Target="../tags/tag16.xml"/><Relationship Id="rId4" Type="http://schemas.openxmlformats.org/officeDocument/2006/relationships/image" Target="../media/image14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36.xml"/><Relationship Id="rId1" Type="http://schemas.openxmlformats.org/officeDocument/2006/relationships/tags" Target="../tags/tag17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36.xml"/><Relationship Id="rId1" Type="http://schemas.openxmlformats.org/officeDocument/2006/relationships/tags" Target="../tags/tag18.xml"/><Relationship Id="rId4" Type="http://schemas.openxmlformats.org/officeDocument/2006/relationships/image" Target="../media/image15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36.xml"/><Relationship Id="rId1" Type="http://schemas.openxmlformats.org/officeDocument/2006/relationships/tags" Target="../tags/tag19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36.xml"/><Relationship Id="rId1" Type="http://schemas.openxmlformats.org/officeDocument/2006/relationships/tags" Target="../tags/tag20.xml"/><Relationship Id="rId5" Type="http://schemas.openxmlformats.org/officeDocument/2006/relationships/hyperlink" Target="https://wordwall.net/play/82014/376/608" TargetMode="External"/><Relationship Id="rId4" Type="http://schemas.openxmlformats.org/officeDocument/2006/relationships/image" Target="../media/image1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36.xml"/><Relationship Id="rId1" Type="http://schemas.openxmlformats.org/officeDocument/2006/relationships/tags" Target="../tags/tag21.xml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87.xml"/><Relationship Id="rId1" Type="http://schemas.openxmlformats.org/officeDocument/2006/relationships/tags" Target="../tags/tag22.xml"/><Relationship Id="rId5" Type="http://schemas.openxmlformats.org/officeDocument/2006/relationships/hyperlink" Target="http://www.dindersimateryal.com/" TargetMode="External"/><Relationship Id="rId4" Type="http://schemas.openxmlformats.org/officeDocument/2006/relationships/image" Target="../media/image11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7.xml"/><Relationship Id="rId2" Type="http://schemas.openxmlformats.org/officeDocument/2006/relationships/tags" Target="../tags/tag24.xml"/><Relationship Id="rId1" Type="http://schemas.openxmlformats.org/officeDocument/2006/relationships/tags" Target="../tags/tag23.xml"/><Relationship Id="rId5" Type="http://schemas.openxmlformats.org/officeDocument/2006/relationships/image" Target="../media/image19.png"/><Relationship Id="rId4" Type="http://schemas.openxmlformats.org/officeDocument/2006/relationships/notesSlide" Target="../notesSlides/notesSlide19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image" Target="../media/image7.png"/><Relationship Id="rId5" Type="http://schemas.microsoft.com/office/2007/relationships/hdphoto" Target="../media/hdphoto1.wdp"/><Relationship Id="rId4" Type="http://schemas.openxmlformats.org/officeDocument/2006/relationships/image" Target="../media/image6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21.png"/><Relationship Id="rId2" Type="http://schemas.openxmlformats.org/officeDocument/2006/relationships/slideLayout" Target="../slideLayouts/slideLayout35.xml"/><Relationship Id="rId1" Type="http://schemas.openxmlformats.org/officeDocument/2006/relationships/tags" Target="../tags/tag25.xml"/><Relationship Id="rId6" Type="http://schemas.openxmlformats.org/officeDocument/2006/relationships/image" Target="../media/image20.png"/><Relationship Id="rId5" Type="http://schemas.openxmlformats.org/officeDocument/2006/relationships/audio" Target="../media/audio4.wav"/><Relationship Id="rId4" Type="http://schemas.openxmlformats.org/officeDocument/2006/relationships/audio" Target="../media/audio3.wav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21.png"/><Relationship Id="rId2" Type="http://schemas.openxmlformats.org/officeDocument/2006/relationships/slideLayout" Target="../slideLayouts/slideLayout35.xml"/><Relationship Id="rId1" Type="http://schemas.openxmlformats.org/officeDocument/2006/relationships/tags" Target="../tags/tag26.xml"/><Relationship Id="rId6" Type="http://schemas.openxmlformats.org/officeDocument/2006/relationships/image" Target="../media/image20.png"/><Relationship Id="rId5" Type="http://schemas.openxmlformats.org/officeDocument/2006/relationships/audio" Target="../media/audio4.wav"/><Relationship Id="rId4" Type="http://schemas.openxmlformats.org/officeDocument/2006/relationships/audio" Target="../media/audio3.wav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png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21.png"/><Relationship Id="rId2" Type="http://schemas.openxmlformats.org/officeDocument/2006/relationships/slideLayout" Target="../slideLayouts/slideLayout35.xml"/><Relationship Id="rId1" Type="http://schemas.openxmlformats.org/officeDocument/2006/relationships/tags" Target="../tags/tag27.xml"/><Relationship Id="rId6" Type="http://schemas.openxmlformats.org/officeDocument/2006/relationships/image" Target="../media/image20.png"/><Relationship Id="rId5" Type="http://schemas.openxmlformats.org/officeDocument/2006/relationships/audio" Target="../media/audio4.wav"/><Relationship Id="rId4" Type="http://schemas.openxmlformats.org/officeDocument/2006/relationships/audio" Target="../media/audio3.wav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87.xml"/><Relationship Id="rId1" Type="http://schemas.openxmlformats.org/officeDocument/2006/relationships/tags" Target="../tags/tag28.xml"/><Relationship Id="rId5" Type="http://schemas.openxmlformats.org/officeDocument/2006/relationships/hyperlink" Target="http://www.dindersimateryal.com/" TargetMode="External"/><Relationship Id="rId4" Type="http://schemas.openxmlformats.org/officeDocument/2006/relationships/image" Target="../media/image11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7.xml"/><Relationship Id="rId2" Type="http://schemas.openxmlformats.org/officeDocument/2006/relationships/tags" Target="../tags/tag30.xml"/><Relationship Id="rId1" Type="http://schemas.openxmlformats.org/officeDocument/2006/relationships/tags" Target="../tags/tag29.xml"/><Relationship Id="rId5" Type="http://schemas.openxmlformats.org/officeDocument/2006/relationships/image" Target="../media/image23.png"/><Relationship Id="rId4" Type="http://schemas.openxmlformats.org/officeDocument/2006/relationships/notesSlide" Target="../notesSlides/notesSlide24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svg"/><Relationship Id="rId13" Type="http://schemas.openxmlformats.org/officeDocument/2006/relationships/image" Target="../media/image30.svg"/><Relationship Id="rId3" Type="http://schemas.openxmlformats.org/officeDocument/2006/relationships/notesSlide" Target="../notesSlides/notesSlide25.xml"/><Relationship Id="rId7" Type="http://schemas.openxmlformats.org/officeDocument/2006/relationships/image" Target="../media/image25.png"/><Relationship Id="rId12" Type="http://schemas.openxmlformats.org/officeDocument/2006/relationships/image" Target="../media/image29.png"/><Relationship Id="rId2" Type="http://schemas.openxmlformats.org/officeDocument/2006/relationships/slideLayout" Target="../slideLayouts/slideLayout95.xml"/><Relationship Id="rId1" Type="http://schemas.openxmlformats.org/officeDocument/2006/relationships/tags" Target="../tags/tag31.xml"/><Relationship Id="rId6" Type="http://schemas.openxmlformats.org/officeDocument/2006/relationships/hyperlink" Target="https://t.me/joinchat/QrR0NEiT70UPac8ZvS8MDA" TargetMode="External"/><Relationship Id="rId11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instagram.com/mustafayil34/" TargetMode="External"/><Relationship Id="rId10" Type="http://schemas.openxmlformats.org/officeDocument/2006/relationships/image" Target="../media/image28.svg"/><Relationship Id="rId4" Type="http://schemas.openxmlformats.org/officeDocument/2006/relationships/image" Target="../media/image24.png"/><Relationship Id="rId9" Type="http://schemas.openxmlformats.org/officeDocument/2006/relationships/image" Target="../media/image27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5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3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5" Type="http://schemas.openxmlformats.org/officeDocument/2006/relationships/image" Target="../media/image8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87.xml"/><Relationship Id="rId1" Type="http://schemas.openxmlformats.org/officeDocument/2006/relationships/tags" Target="../tags/tag8.xml"/><Relationship Id="rId5" Type="http://schemas.openxmlformats.org/officeDocument/2006/relationships/hyperlink" Target="https://www.youtube.com/watch?v=t1m4ewg4e8g&amp;t=3s" TargetMode="External"/><Relationship Id="rId4" Type="http://schemas.openxmlformats.org/officeDocument/2006/relationships/hyperlink" Target="https://www.youtube.com/watch?v=KonQunY2Fo0" TargetMode="Externa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2" Type="http://schemas.microsoft.com/office/2007/relationships/media" Target="../media/media1.mp4"/><Relationship Id="rId1" Type="http://schemas.openxmlformats.org/officeDocument/2006/relationships/tags" Target="../tags/tag9.xml"/><Relationship Id="rId6" Type="http://schemas.openxmlformats.org/officeDocument/2006/relationships/image" Target="../media/image9.png"/><Relationship Id="rId5" Type="http://schemas.openxmlformats.org/officeDocument/2006/relationships/notesSlide" Target="../notesSlides/notesSlide6.xml"/><Relationship Id="rId4" Type="http://schemas.openxmlformats.org/officeDocument/2006/relationships/slideLayout" Target="../slideLayouts/slideLayout34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63.xml"/><Relationship Id="rId1" Type="http://schemas.openxmlformats.org/officeDocument/2006/relationships/tags" Target="../tags/tag10.xml"/><Relationship Id="rId6" Type="http://schemas.openxmlformats.org/officeDocument/2006/relationships/image" Target="../media/image10.png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87.xml"/><Relationship Id="rId1" Type="http://schemas.openxmlformats.org/officeDocument/2006/relationships/tags" Target="../tags/tag11.xml"/><Relationship Id="rId5" Type="http://schemas.openxmlformats.org/officeDocument/2006/relationships/hyperlink" Target="http://www.dindersimateryal.com/" TargetMode="External"/><Relationship Id="rId4" Type="http://schemas.openxmlformats.org/officeDocument/2006/relationships/image" Target="../media/image11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7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5" Type="http://schemas.openxmlformats.org/officeDocument/2006/relationships/image" Target="../media/image12.png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9" name="Straight Connector 73">
            <a:extLst>
              <a:ext uri="{FF2B5EF4-FFF2-40B4-BE49-F238E27FC236}">
                <a16:creationId xmlns:a16="http://schemas.microsoft.com/office/drawing/2014/main" id="{601B6E87-9783-40F8-99D7-FDBE6A51F693}"/>
              </a:ext>
            </a:extLst>
          </p:cNvPr>
          <p:cNvCxnSpPr>
            <a:cxnSpLocks/>
          </p:cNvCxnSpPr>
          <p:nvPr/>
        </p:nvCxnSpPr>
        <p:spPr>
          <a:xfrm>
            <a:off x="1326420" y="688983"/>
            <a:ext cx="0" cy="820056"/>
          </a:xfrm>
          <a:prstGeom prst="line">
            <a:avLst/>
          </a:prstGeom>
          <a:noFill/>
          <a:ln w="28575" cap="flat" cmpd="sng" algn="ctr">
            <a:solidFill>
              <a:srgbClr val="C2C923">
                <a:lumMod val="75000"/>
                <a:alpha val="10000"/>
              </a:srgbClr>
            </a:solidFill>
            <a:prstDash val="solid"/>
            <a:miter lim="800000"/>
          </a:ln>
          <a:effectLst/>
        </p:spPr>
      </p:cxnSp>
      <p:grpSp>
        <p:nvGrpSpPr>
          <p:cNvPr id="30" name="Group 71">
            <a:extLst>
              <a:ext uri="{FF2B5EF4-FFF2-40B4-BE49-F238E27FC236}">
                <a16:creationId xmlns:a16="http://schemas.microsoft.com/office/drawing/2014/main" id="{5233C9CC-CCD0-4A33-81EE-B1CDAB33BF66}"/>
              </a:ext>
            </a:extLst>
          </p:cNvPr>
          <p:cNvGrpSpPr/>
          <p:nvPr/>
        </p:nvGrpSpPr>
        <p:grpSpPr>
          <a:xfrm>
            <a:off x="727630" y="639015"/>
            <a:ext cx="7253800" cy="1117595"/>
            <a:chOff x="2322286" y="1524001"/>
            <a:chExt cx="5464195" cy="1640113"/>
          </a:xfrm>
          <a:solidFill>
            <a:srgbClr val="074D67">
              <a:lumMod val="40000"/>
              <a:lumOff val="60000"/>
            </a:srgbClr>
          </a:solidFill>
          <a:effectLst>
            <a:outerShdw blurRad="254000" dist="38100" dir="5400000" algn="t" rotWithShape="0">
              <a:srgbClr val="8C286F">
                <a:alpha val="40000"/>
              </a:srgbClr>
            </a:outerShdw>
          </a:effectLst>
        </p:grpSpPr>
        <p:sp>
          <p:nvSpPr>
            <p:cNvPr id="31" name="Freeform: Shape 79">
              <a:extLst>
                <a:ext uri="{FF2B5EF4-FFF2-40B4-BE49-F238E27FC236}">
                  <a16:creationId xmlns:a16="http://schemas.microsoft.com/office/drawing/2014/main" id="{89933A1D-2B1A-4DCF-BAA1-10216AF3E55B}"/>
                </a:ext>
              </a:extLst>
            </p:cNvPr>
            <p:cNvSpPr/>
            <p:nvPr/>
          </p:nvSpPr>
          <p:spPr>
            <a:xfrm flipV="1">
              <a:off x="2322286" y="1524001"/>
              <a:ext cx="5457371" cy="1640113"/>
            </a:xfrm>
            <a:custGeom>
              <a:avLst/>
              <a:gdLst>
                <a:gd name="connsiteX0" fmla="*/ 493489 w 5457371"/>
                <a:gd name="connsiteY0" fmla="*/ 1640113 h 1640113"/>
                <a:gd name="connsiteX1" fmla="*/ 4963882 w 5457371"/>
                <a:gd name="connsiteY1" fmla="*/ 1640113 h 1640113"/>
                <a:gd name="connsiteX2" fmla="*/ 5457371 w 5457371"/>
                <a:gd name="connsiteY2" fmla="*/ 1146624 h 1640113"/>
                <a:gd name="connsiteX3" fmla="*/ 5457371 w 5457371"/>
                <a:gd name="connsiteY3" fmla="*/ 827316 h 1640113"/>
                <a:gd name="connsiteX4" fmla="*/ 4963882 w 5457371"/>
                <a:gd name="connsiteY4" fmla="*/ 333827 h 1640113"/>
                <a:gd name="connsiteX5" fmla="*/ 2133600 w 5457371"/>
                <a:gd name="connsiteY5" fmla="*/ 333827 h 1640113"/>
                <a:gd name="connsiteX6" fmla="*/ 1937657 w 5457371"/>
                <a:gd name="connsiteY6" fmla="*/ 0 h 1640113"/>
                <a:gd name="connsiteX7" fmla="*/ 1741714 w 5457371"/>
                <a:gd name="connsiteY7" fmla="*/ 333827 h 1640113"/>
                <a:gd name="connsiteX8" fmla="*/ 493489 w 5457371"/>
                <a:gd name="connsiteY8" fmla="*/ 333827 h 1640113"/>
                <a:gd name="connsiteX9" fmla="*/ 0 w 5457371"/>
                <a:gd name="connsiteY9" fmla="*/ 827316 h 1640113"/>
                <a:gd name="connsiteX10" fmla="*/ 0 w 5457371"/>
                <a:gd name="connsiteY10" fmla="*/ 1146624 h 1640113"/>
                <a:gd name="connsiteX11" fmla="*/ 493489 w 5457371"/>
                <a:gd name="connsiteY11" fmla="*/ 1640113 h 164011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5457371" h="1640113">
                  <a:moveTo>
                    <a:pt x="493489" y="1640113"/>
                  </a:moveTo>
                  <a:lnTo>
                    <a:pt x="4963882" y="1640113"/>
                  </a:lnTo>
                  <a:cubicBezTo>
                    <a:pt x="5236428" y="1640113"/>
                    <a:pt x="5457371" y="1419170"/>
                    <a:pt x="5457371" y="1146624"/>
                  </a:cubicBezTo>
                  <a:lnTo>
                    <a:pt x="5457371" y="827316"/>
                  </a:lnTo>
                  <a:cubicBezTo>
                    <a:pt x="5457371" y="554770"/>
                    <a:pt x="5236428" y="333827"/>
                    <a:pt x="4963882" y="333827"/>
                  </a:cubicBezTo>
                  <a:lnTo>
                    <a:pt x="2133600" y="333827"/>
                  </a:lnTo>
                  <a:lnTo>
                    <a:pt x="1937657" y="0"/>
                  </a:lnTo>
                  <a:lnTo>
                    <a:pt x="1741714" y="333827"/>
                  </a:lnTo>
                  <a:lnTo>
                    <a:pt x="493489" y="333827"/>
                  </a:lnTo>
                  <a:cubicBezTo>
                    <a:pt x="220943" y="333827"/>
                    <a:pt x="0" y="554770"/>
                    <a:pt x="0" y="827316"/>
                  </a:cubicBezTo>
                  <a:lnTo>
                    <a:pt x="0" y="1146624"/>
                  </a:lnTo>
                  <a:cubicBezTo>
                    <a:pt x="0" y="1419170"/>
                    <a:pt x="220943" y="1640113"/>
                    <a:pt x="493489" y="1640113"/>
                  </a:cubicBezTo>
                  <a:close/>
                </a:path>
              </a:pathLst>
            </a:custGeom>
            <a:grpFill/>
            <a:ln w="12700" cap="flat" cmpd="sng" algn="ctr">
              <a:noFill/>
              <a:prstDash val="solid"/>
              <a:miter lim="800000"/>
            </a:ln>
            <a:effectLst>
              <a:outerShdw blurRad="50800" dist="50800" dir="5400000" algn="ctr" rotWithShape="0">
                <a:srgbClr val="EEEEEE">
                  <a:lumMod val="90000"/>
                </a:srgbClr>
              </a:outerShdw>
            </a:effectLst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IN" sz="18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2" name="Freeform: Shape 80">
              <a:extLst>
                <a:ext uri="{FF2B5EF4-FFF2-40B4-BE49-F238E27FC236}">
                  <a16:creationId xmlns:a16="http://schemas.microsoft.com/office/drawing/2014/main" id="{7913D5EF-9B55-4AF2-9BCD-6A032E775EF6}"/>
                </a:ext>
              </a:extLst>
            </p:cNvPr>
            <p:cNvSpPr/>
            <p:nvPr/>
          </p:nvSpPr>
          <p:spPr>
            <a:xfrm flipV="1">
              <a:off x="2546083" y="1524001"/>
              <a:ext cx="5219926" cy="366806"/>
            </a:xfrm>
            <a:custGeom>
              <a:avLst/>
              <a:gdLst>
                <a:gd name="connsiteX0" fmla="*/ 274522 w 5219926"/>
                <a:gd name="connsiteY0" fmla="*/ 366806 h 366806"/>
                <a:gd name="connsiteX1" fmla="*/ 4744915 w 5219926"/>
                <a:gd name="connsiteY1" fmla="*/ 366806 h 366806"/>
                <a:gd name="connsiteX2" fmla="*/ 5199623 w 5219926"/>
                <a:gd name="connsiteY2" fmla="*/ 65405 h 366806"/>
                <a:gd name="connsiteX3" fmla="*/ 5219926 w 5219926"/>
                <a:gd name="connsiteY3" fmla="*/ 0 h 366806"/>
                <a:gd name="connsiteX4" fmla="*/ 0 w 5219926"/>
                <a:gd name="connsiteY4" fmla="*/ 283281 h 366806"/>
                <a:gd name="connsiteX5" fmla="*/ 82434 w 5219926"/>
                <a:gd name="connsiteY5" fmla="*/ 328025 h 366806"/>
                <a:gd name="connsiteX6" fmla="*/ 274522 w 5219926"/>
                <a:gd name="connsiteY6" fmla="*/ 366806 h 36680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5219926" h="366806">
                  <a:moveTo>
                    <a:pt x="274522" y="366806"/>
                  </a:moveTo>
                  <a:lnTo>
                    <a:pt x="4744915" y="366806"/>
                  </a:lnTo>
                  <a:cubicBezTo>
                    <a:pt x="4949325" y="366806"/>
                    <a:pt x="5124707" y="242526"/>
                    <a:pt x="5199623" y="65405"/>
                  </a:cubicBezTo>
                  <a:lnTo>
                    <a:pt x="5219926" y="0"/>
                  </a:lnTo>
                  <a:lnTo>
                    <a:pt x="0" y="283281"/>
                  </a:lnTo>
                  <a:lnTo>
                    <a:pt x="82434" y="328025"/>
                  </a:lnTo>
                  <a:cubicBezTo>
                    <a:pt x="141475" y="352997"/>
                    <a:pt x="206386" y="366806"/>
                    <a:pt x="274522" y="366806"/>
                  </a:cubicBezTo>
                  <a:close/>
                </a:path>
              </a:pathLst>
            </a:custGeom>
            <a:grpFill/>
            <a:ln w="12700" cap="flat" cmpd="sng" algn="ctr">
              <a:noFill/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IN" sz="18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3" name="Freeform: Shape 81">
              <a:extLst>
                <a:ext uri="{FF2B5EF4-FFF2-40B4-BE49-F238E27FC236}">
                  <a16:creationId xmlns:a16="http://schemas.microsoft.com/office/drawing/2014/main" id="{D45720C9-7560-482D-B684-AB91DD12DFBF}"/>
                </a:ext>
              </a:extLst>
            </p:cNvPr>
            <p:cNvSpPr/>
            <p:nvPr/>
          </p:nvSpPr>
          <p:spPr>
            <a:xfrm flipV="1">
              <a:off x="7145364" y="1524001"/>
              <a:ext cx="641117" cy="1304328"/>
            </a:xfrm>
            <a:custGeom>
              <a:avLst/>
              <a:gdLst>
                <a:gd name="connsiteX0" fmla="*/ 0 w 641117"/>
                <a:gd name="connsiteY0" fmla="*/ 1304328 h 1304328"/>
                <a:gd name="connsiteX1" fmla="*/ 147628 w 641117"/>
                <a:gd name="connsiteY1" fmla="*/ 1304328 h 1304328"/>
                <a:gd name="connsiteX2" fmla="*/ 641117 w 641117"/>
                <a:gd name="connsiteY2" fmla="*/ 810839 h 1304328"/>
                <a:gd name="connsiteX3" fmla="*/ 641117 w 641117"/>
                <a:gd name="connsiteY3" fmla="*/ 491531 h 1304328"/>
                <a:gd name="connsiteX4" fmla="*/ 247083 w 641117"/>
                <a:gd name="connsiteY4" fmla="*/ 8068 h 1304328"/>
                <a:gd name="connsiteX5" fmla="*/ 167049 w 641117"/>
                <a:gd name="connsiteY5" fmla="*/ 0 h 130432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641117" h="1304328">
                  <a:moveTo>
                    <a:pt x="0" y="1304328"/>
                  </a:moveTo>
                  <a:lnTo>
                    <a:pt x="147628" y="1304328"/>
                  </a:lnTo>
                  <a:cubicBezTo>
                    <a:pt x="420174" y="1304328"/>
                    <a:pt x="641117" y="1083385"/>
                    <a:pt x="641117" y="810839"/>
                  </a:cubicBezTo>
                  <a:lnTo>
                    <a:pt x="641117" y="491531"/>
                  </a:lnTo>
                  <a:cubicBezTo>
                    <a:pt x="641117" y="253054"/>
                    <a:pt x="471958" y="54084"/>
                    <a:pt x="247083" y="8068"/>
                  </a:cubicBezTo>
                  <a:lnTo>
                    <a:pt x="167049" y="0"/>
                  </a:lnTo>
                  <a:close/>
                </a:path>
              </a:pathLst>
            </a:custGeom>
            <a:grpFill/>
            <a:ln w="12700" cap="flat" cmpd="sng" algn="ctr">
              <a:noFill/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IN" sz="18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4" name="Freeform: Shape 82">
              <a:extLst>
                <a:ext uri="{FF2B5EF4-FFF2-40B4-BE49-F238E27FC236}">
                  <a16:creationId xmlns:a16="http://schemas.microsoft.com/office/drawing/2014/main" id="{73166ACD-63AA-4A6B-8842-7427CC2937F0}"/>
                </a:ext>
              </a:extLst>
            </p:cNvPr>
            <p:cNvSpPr/>
            <p:nvPr/>
          </p:nvSpPr>
          <p:spPr>
            <a:xfrm flipV="1">
              <a:off x="4571805" y="2505931"/>
              <a:ext cx="3187380" cy="329222"/>
            </a:xfrm>
            <a:custGeom>
              <a:avLst/>
              <a:gdLst>
                <a:gd name="connsiteX0" fmla="*/ 3187380 w 3187380"/>
                <a:gd name="connsiteY0" fmla="*/ 329222 h 329222"/>
                <a:gd name="connsiteX1" fmla="*/ 3178744 w 3187380"/>
                <a:gd name="connsiteY1" fmla="*/ 301401 h 329222"/>
                <a:gd name="connsiteX2" fmla="*/ 2724036 w 3187380"/>
                <a:gd name="connsiteY2" fmla="*/ 0 h 329222"/>
                <a:gd name="connsiteX3" fmla="*/ 0 w 3187380"/>
                <a:gd name="connsiteY3" fmla="*/ 0 h 3292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187380" h="329222">
                  <a:moveTo>
                    <a:pt x="3187380" y="329222"/>
                  </a:moveTo>
                  <a:lnTo>
                    <a:pt x="3178744" y="301401"/>
                  </a:lnTo>
                  <a:cubicBezTo>
                    <a:pt x="3103829" y="124281"/>
                    <a:pt x="2928446" y="0"/>
                    <a:pt x="2724036" y="0"/>
                  </a:cubicBezTo>
                  <a:lnTo>
                    <a:pt x="0" y="0"/>
                  </a:lnTo>
                  <a:close/>
                </a:path>
              </a:pathLst>
            </a:custGeom>
            <a:grpFill/>
            <a:ln w="12700" cap="flat" cmpd="sng" algn="ctr">
              <a:noFill/>
              <a:prstDash val="solid"/>
              <a:miter lim="800000"/>
            </a:ln>
            <a:effectLst/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IN" sz="1800" b="0" i="0" u="none" strike="noStrike" kern="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35" name="Freeform: Shape 80">
            <a:extLst>
              <a:ext uri="{FF2B5EF4-FFF2-40B4-BE49-F238E27FC236}">
                <a16:creationId xmlns:a16="http://schemas.microsoft.com/office/drawing/2014/main" id="{7913D5EF-9B55-4AF2-9BCD-6A032E775EF6}"/>
              </a:ext>
            </a:extLst>
          </p:cNvPr>
          <p:cNvSpPr/>
          <p:nvPr/>
        </p:nvSpPr>
        <p:spPr>
          <a:xfrm flipV="1">
            <a:off x="1001753" y="623343"/>
            <a:ext cx="6929529" cy="249947"/>
          </a:xfrm>
          <a:custGeom>
            <a:avLst/>
            <a:gdLst>
              <a:gd name="connsiteX0" fmla="*/ 274522 w 5219926"/>
              <a:gd name="connsiteY0" fmla="*/ 366806 h 366806"/>
              <a:gd name="connsiteX1" fmla="*/ 4744915 w 5219926"/>
              <a:gd name="connsiteY1" fmla="*/ 366806 h 366806"/>
              <a:gd name="connsiteX2" fmla="*/ 5199623 w 5219926"/>
              <a:gd name="connsiteY2" fmla="*/ 65405 h 366806"/>
              <a:gd name="connsiteX3" fmla="*/ 5219926 w 5219926"/>
              <a:gd name="connsiteY3" fmla="*/ 0 h 366806"/>
              <a:gd name="connsiteX4" fmla="*/ 0 w 5219926"/>
              <a:gd name="connsiteY4" fmla="*/ 283281 h 366806"/>
              <a:gd name="connsiteX5" fmla="*/ 82434 w 5219926"/>
              <a:gd name="connsiteY5" fmla="*/ 328025 h 366806"/>
              <a:gd name="connsiteX6" fmla="*/ 274522 w 5219926"/>
              <a:gd name="connsiteY6" fmla="*/ 366806 h 36680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5219926" h="366806">
                <a:moveTo>
                  <a:pt x="274522" y="366806"/>
                </a:moveTo>
                <a:lnTo>
                  <a:pt x="4744915" y="366806"/>
                </a:lnTo>
                <a:cubicBezTo>
                  <a:pt x="4949325" y="366806"/>
                  <a:pt x="5124707" y="242526"/>
                  <a:pt x="5199623" y="65405"/>
                </a:cubicBezTo>
                <a:lnTo>
                  <a:pt x="5219926" y="0"/>
                </a:lnTo>
                <a:lnTo>
                  <a:pt x="0" y="283281"/>
                </a:lnTo>
                <a:lnTo>
                  <a:pt x="82434" y="328025"/>
                </a:lnTo>
                <a:cubicBezTo>
                  <a:pt x="141475" y="352997"/>
                  <a:pt x="206386" y="366806"/>
                  <a:pt x="274522" y="366806"/>
                </a:cubicBezTo>
                <a:close/>
              </a:path>
            </a:pathLst>
          </a:custGeom>
          <a:solidFill>
            <a:srgbClr val="FFFFFF">
              <a:alpha val="26000"/>
            </a:srgbClr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8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" name="Freeform: Shape 82">
            <a:extLst>
              <a:ext uri="{FF2B5EF4-FFF2-40B4-BE49-F238E27FC236}">
                <a16:creationId xmlns:a16="http://schemas.microsoft.com/office/drawing/2014/main" id="{73166ACD-63AA-4A6B-8842-7427CC2937F0}"/>
              </a:ext>
            </a:extLst>
          </p:cNvPr>
          <p:cNvSpPr/>
          <p:nvPr/>
        </p:nvSpPr>
        <p:spPr>
          <a:xfrm flipV="1">
            <a:off x="3681871" y="1260563"/>
            <a:ext cx="4231294" cy="224336"/>
          </a:xfrm>
          <a:custGeom>
            <a:avLst/>
            <a:gdLst>
              <a:gd name="connsiteX0" fmla="*/ 3187380 w 3187380"/>
              <a:gd name="connsiteY0" fmla="*/ 329222 h 329222"/>
              <a:gd name="connsiteX1" fmla="*/ 3178744 w 3187380"/>
              <a:gd name="connsiteY1" fmla="*/ 301401 h 329222"/>
              <a:gd name="connsiteX2" fmla="*/ 2724036 w 3187380"/>
              <a:gd name="connsiteY2" fmla="*/ 0 h 329222"/>
              <a:gd name="connsiteX3" fmla="*/ 0 w 3187380"/>
              <a:gd name="connsiteY3" fmla="*/ 0 h 32922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3187380" h="329222">
                <a:moveTo>
                  <a:pt x="3187380" y="329222"/>
                </a:moveTo>
                <a:lnTo>
                  <a:pt x="3178744" y="301401"/>
                </a:lnTo>
                <a:cubicBezTo>
                  <a:pt x="3103829" y="124281"/>
                  <a:pt x="2928446" y="0"/>
                  <a:pt x="2724036" y="0"/>
                </a:cubicBezTo>
                <a:lnTo>
                  <a:pt x="0" y="0"/>
                </a:lnTo>
                <a:close/>
              </a:path>
            </a:pathLst>
          </a:custGeom>
          <a:solidFill>
            <a:srgbClr val="FFFFFF">
              <a:alpha val="24000"/>
            </a:srgbClr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IN" sz="1800" b="0" i="0" u="none" strike="noStrike" kern="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cxnSp>
        <p:nvCxnSpPr>
          <p:cNvPr id="37" name="Düz Bağlayıcı 36"/>
          <p:cNvCxnSpPr/>
          <p:nvPr/>
        </p:nvCxnSpPr>
        <p:spPr>
          <a:xfrm>
            <a:off x="1556479" y="795920"/>
            <a:ext cx="0" cy="574976"/>
          </a:xfrm>
          <a:prstGeom prst="line">
            <a:avLst/>
          </a:prstGeom>
          <a:noFill/>
          <a:ln w="38100" cap="flat" cmpd="sng" algn="ctr">
            <a:solidFill>
              <a:schemeClr val="tx1"/>
            </a:solidFill>
            <a:prstDash val="solid"/>
            <a:miter lim="800000"/>
          </a:ln>
          <a:effectLst/>
        </p:spPr>
      </p:cxnSp>
      <p:sp>
        <p:nvSpPr>
          <p:cNvPr id="38" name="TextBox 85">
            <a:extLst>
              <a:ext uri="{FF2B5EF4-FFF2-40B4-BE49-F238E27FC236}">
                <a16:creationId xmlns:a16="http://schemas.microsoft.com/office/drawing/2014/main" id="{3E8132E4-D845-49C4-BEA9-773553112744}"/>
              </a:ext>
            </a:extLst>
          </p:cNvPr>
          <p:cNvSpPr txBox="1"/>
          <p:nvPr/>
        </p:nvSpPr>
        <p:spPr>
          <a:xfrm>
            <a:off x="821510" y="683512"/>
            <a:ext cx="53656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4800" dirty="0">
                <a:solidFill>
                  <a:schemeClr val="tx1">
                    <a:alpha val="85000"/>
                  </a:schemeClr>
                </a:solidFill>
                <a:latin typeface="Arial Black" panose="020B0A04020102020204" pitchFamily="34" charset="0"/>
              </a:rPr>
              <a:t>3</a:t>
            </a:r>
            <a:endParaRPr lang="en-IN" sz="4800" dirty="0">
              <a:solidFill>
                <a:schemeClr val="tx1">
                  <a:alpha val="85000"/>
                </a:schemeClr>
              </a:solidFill>
              <a:latin typeface="Arial Black" panose="020B0A04020102020204" pitchFamily="34" charset="0"/>
            </a:endParaRPr>
          </a:p>
        </p:txBody>
      </p:sp>
      <p:sp>
        <p:nvSpPr>
          <p:cNvPr id="39" name="TextBox 56">
            <a:extLst>
              <a:ext uri="{FF2B5EF4-FFF2-40B4-BE49-F238E27FC236}">
                <a16:creationId xmlns:a16="http://schemas.microsoft.com/office/drawing/2014/main" id="{7990298F-D6E7-4D14-88B2-87B8042E31FA}"/>
              </a:ext>
            </a:extLst>
          </p:cNvPr>
          <p:cNvSpPr txBox="1"/>
          <p:nvPr/>
        </p:nvSpPr>
        <p:spPr>
          <a:xfrm>
            <a:off x="1588509" y="698146"/>
            <a:ext cx="5704673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0" cap="none" spc="0" normalizeH="0" baseline="0" noProof="0" dirty="0">
                <a:ln>
                  <a:noFill/>
                </a:ln>
                <a:effectLst/>
                <a:uLnTx/>
                <a:uFillTx/>
              </a:rPr>
              <a:t>4.2.3. Kur’an-ı Kerim</a:t>
            </a:r>
            <a:endParaRPr kumimoji="0" lang="en-IN" sz="7200" b="0" i="0" u="none" strike="noStrike" kern="0" cap="none" spc="300" normalizeH="0" baseline="0" noProof="0" dirty="0">
              <a:ln>
                <a:noFill/>
              </a:ln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  <p:sp>
        <p:nvSpPr>
          <p:cNvPr id="40" name="직사각형 54">
            <a:extLst>
              <a:ext uri="{FF2B5EF4-FFF2-40B4-BE49-F238E27FC236}">
                <a16:creationId xmlns:a16="http://schemas.microsoft.com/office/drawing/2014/main" id="{C4CC038D-DDF4-4581-9B32-2DF12420CFC3}"/>
              </a:ext>
            </a:extLst>
          </p:cNvPr>
          <p:cNvSpPr/>
          <p:nvPr/>
        </p:nvSpPr>
        <p:spPr>
          <a:xfrm>
            <a:off x="577922" y="2825755"/>
            <a:ext cx="6943830" cy="1568115"/>
          </a:xfrm>
          <a:prstGeom prst="rect">
            <a:avLst/>
          </a:prstGeom>
          <a:solidFill>
            <a:srgbClr val="CCB82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chemeClr val="tx1"/>
                </a:solidFill>
              </a:rPr>
              <a:t>Kur’an-ı Kerim denildiği zaman aklınıza neler geliyor?</a:t>
            </a:r>
          </a:p>
        </p:txBody>
      </p:sp>
      <p:sp>
        <p:nvSpPr>
          <p:cNvPr id="2" name="Freeform 19">
            <a:extLst>
              <a:ext uri="{FF2B5EF4-FFF2-40B4-BE49-F238E27FC236}">
                <a16:creationId xmlns:a16="http://schemas.microsoft.com/office/drawing/2014/main" id="{D5AA2E7D-3C2D-818E-8642-4789487F14AD}"/>
              </a:ext>
            </a:extLst>
          </p:cNvPr>
          <p:cNvSpPr/>
          <p:nvPr/>
        </p:nvSpPr>
        <p:spPr>
          <a:xfrm>
            <a:off x="7615633" y="1021278"/>
            <a:ext cx="4307194" cy="5438899"/>
          </a:xfrm>
          <a:custGeom>
            <a:avLst/>
            <a:gdLst/>
            <a:ahLst/>
            <a:cxnLst/>
            <a:rect l="l" t="t" r="r" b="b"/>
            <a:pathLst>
              <a:path w="2947693" h="4114800">
                <a:moveTo>
                  <a:pt x="0" y="0"/>
                </a:moveTo>
                <a:lnTo>
                  <a:pt x="2947693" y="0"/>
                </a:lnTo>
                <a:lnTo>
                  <a:pt x="2947693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69395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CE168C15-453F-4857-A408-E05E9D4320B8}"/>
              </a:ext>
            </a:extLst>
          </p:cNvPr>
          <p:cNvSpPr/>
          <p:nvPr/>
        </p:nvSpPr>
        <p:spPr>
          <a:xfrm>
            <a:off x="1132448" y="1601790"/>
            <a:ext cx="9622301" cy="1911787"/>
          </a:xfrm>
          <a:prstGeom prst="roundRect">
            <a:avLst>
              <a:gd name="adj" fmla="val 8598"/>
            </a:avLst>
          </a:prstGeom>
          <a:solidFill>
            <a:schemeClr val="bg1">
              <a:lumMod val="8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13CC808F-14FC-4538-A3AB-C8098289F637}"/>
              </a:ext>
            </a:extLst>
          </p:cNvPr>
          <p:cNvSpPr/>
          <p:nvPr/>
        </p:nvSpPr>
        <p:spPr>
          <a:xfrm>
            <a:off x="1132450" y="1810506"/>
            <a:ext cx="9764150" cy="1664757"/>
          </a:xfrm>
          <a:prstGeom prst="roundRect">
            <a:avLst>
              <a:gd name="adj" fmla="val 8598"/>
            </a:avLst>
          </a:prstGeom>
          <a:solidFill>
            <a:schemeClr val="bg1"/>
          </a:solidFill>
          <a:ln>
            <a:noFill/>
          </a:ln>
          <a:effectLst>
            <a:outerShdw blurRad="292100" dist="381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9" name="Freeform: Shape 8">
            <a:extLst>
              <a:ext uri="{FF2B5EF4-FFF2-40B4-BE49-F238E27FC236}">
                <a16:creationId xmlns:a16="http://schemas.microsoft.com/office/drawing/2014/main" id="{F3E73834-B82C-48FA-A0EF-E43060C4FD4C}"/>
              </a:ext>
            </a:extLst>
          </p:cNvPr>
          <p:cNvSpPr/>
          <p:nvPr/>
        </p:nvSpPr>
        <p:spPr>
          <a:xfrm>
            <a:off x="1254189" y="3137770"/>
            <a:ext cx="9622301" cy="674986"/>
          </a:xfrm>
          <a:custGeom>
            <a:avLst/>
            <a:gdLst>
              <a:gd name="connsiteX0" fmla="*/ 0 w 9622301"/>
              <a:gd name="connsiteY0" fmla="*/ 0 h 674986"/>
              <a:gd name="connsiteX1" fmla="*/ 9622301 w 9622301"/>
              <a:gd name="connsiteY1" fmla="*/ 0 h 674986"/>
              <a:gd name="connsiteX2" fmla="*/ 9622301 w 9622301"/>
              <a:gd name="connsiteY2" fmla="*/ 400420 h 674986"/>
              <a:gd name="connsiteX3" fmla="*/ 9347735 w 9622301"/>
              <a:gd name="connsiteY3" fmla="*/ 674986 h 674986"/>
              <a:gd name="connsiteX4" fmla="*/ 274566 w 9622301"/>
              <a:gd name="connsiteY4" fmla="*/ 674986 h 674986"/>
              <a:gd name="connsiteX5" fmla="*/ 0 w 9622301"/>
              <a:gd name="connsiteY5" fmla="*/ 400420 h 67498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9622301" h="674986">
                <a:moveTo>
                  <a:pt x="0" y="0"/>
                </a:moveTo>
                <a:lnTo>
                  <a:pt x="9622301" y="0"/>
                </a:lnTo>
                <a:lnTo>
                  <a:pt x="9622301" y="400420"/>
                </a:lnTo>
                <a:cubicBezTo>
                  <a:pt x="9622301" y="552059"/>
                  <a:pt x="9499374" y="674986"/>
                  <a:pt x="9347735" y="674986"/>
                </a:cubicBezTo>
                <a:lnTo>
                  <a:pt x="274566" y="674986"/>
                </a:lnTo>
                <a:cubicBezTo>
                  <a:pt x="122927" y="674986"/>
                  <a:pt x="0" y="552059"/>
                  <a:pt x="0" y="400420"/>
                </a:cubicBezTo>
                <a:close/>
              </a:path>
            </a:pathLst>
          </a:custGeom>
          <a:solidFill>
            <a:schemeClr val="tx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C446D991-79D6-4507-B497-0AB923C86982}"/>
              </a:ext>
            </a:extLst>
          </p:cNvPr>
          <p:cNvSpPr/>
          <p:nvPr/>
        </p:nvSpPr>
        <p:spPr>
          <a:xfrm>
            <a:off x="1815166" y="3346411"/>
            <a:ext cx="1712685" cy="257629"/>
          </a:xfrm>
          <a:prstGeom prst="roundRect">
            <a:avLst>
              <a:gd name="adj" fmla="val 50000"/>
            </a:avLst>
          </a:prstGeom>
          <a:solidFill>
            <a:srgbClr val="DEDEDE"/>
          </a:solidFill>
          <a:ln>
            <a:noFill/>
          </a:ln>
          <a:effectLst>
            <a:innerShdw blurRad="25400" dist="50800" dir="16200000">
              <a:prstClr val="black">
                <a:alpha val="50000"/>
              </a:prst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grpSp>
        <p:nvGrpSpPr>
          <p:cNvPr id="50" name="Group 49">
            <a:extLst>
              <a:ext uri="{FF2B5EF4-FFF2-40B4-BE49-F238E27FC236}">
                <a16:creationId xmlns:a16="http://schemas.microsoft.com/office/drawing/2014/main" id="{825C870E-C569-4906-B51B-2033BC2011B2}"/>
              </a:ext>
            </a:extLst>
          </p:cNvPr>
          <p:cNvGrpSpPr/>
          <p:nvPr/>
        </p:nvGrpSpPr>
        <p:grpSpPr>
          <a:xfrm>
            <a:off x="1329651" y="3259288"/>
            <a:ext cx="2673717" cy="2651587"/>
            <a:chOff x="1360311" y="3256604"/>
            <a:chExt cx="2673717" cy="2651587"/>
          </a:xfrm>
        </p:grpSpPr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DF4F2FD5-0E1A-4595-81B5-A4586D8377C3}"/>
                </a:ext>
              </a:extLst>
            </p:cNvPr>
            <p:cNvSpPr/>
            <p:nvPr/>
          </p:nvSpPr>
          <p:spPr>
            <a:xfrm>
              <a:off x="1360311" y="3645776"/>
              <a:ext cx="2673717" cy="2262415"/>
            </a:xfrm>
            <a:prstGeom prst="roundRect">
              <a:avLst>
                <a:gd name="adj" fmla="val 13667"/>
              </a:avLst>
            </a:prstGeom>
            <a:solidFill>
              <a:schemeClr val="tx1">
                <a:alpha val="21000"/>
              </a:schemeClr>
            </a:solidFill>
            <a:ln w="38100">
              <a:noFill/>
            </a:ln>
            <a:effectLst>
              <a:softEdge rad="342900"/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F00B24E9-F7FE-43B9-B222-3B5A6FCD94ED}"/>
                </a:ext>
              </a:extLst>
            </p:cNvPr>
            <p:cNvSpPr/>
            <p:nvPr/>
          </p:nvSpPr>
          <p:spPr>
            <a:xfrm>
              <a:off x="2252226" y="3263862"/>
              <a:ext cx="870857" cy="800137"/>
            </a:xfrm>
            <a:prstGeom prst="roundRect">
              <a:avLst>
                <a:gd name="adj" fmla="val 0"/>
              </a:avLst>
            </a:prstGeom>
            <a:solidFill>
              <a:srgbClr val="FF339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11" name="Right Triangle 10">
              <a:extLst>
                <a:ext uri="{FF2B5EF4-FFF2-40B4-BE49-F238E27FC236}">
                  <a16:creationId xmlns:a16="http://schemas.microsoft.com/office/drawing/2014/main" id="{B472F985-0DDA-43D2-BA60-9A4591C81A8C}"/>
                </a:ext>
              </a:extLst>
            </p:cNvPr>
            <p:cNvSpPr/>
            <p:nvPr/>
          </p:nvSpPr>
          <p:spPr>
            <a:xfrm>
              <a:off x="3123083" y="3256604"/>
              <a:ext cx="140061" cy="344752"/>
            </a:xfrm>
            <a:prstGeom prst="rtTriangle">
              <a:avLst/>
            </a:prstGeom>
            <a:solidFill>
              <a:srgbClr val="C0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D2C1713E-E4CF-482E-AB10-16A999A845CE}"/>
                </a:ext>
              </a:extLst>
            </p:cNvPr>
            <p:cNvSpPr/>
            <p:nvPr/>
          </p:nvSpPr>
          <p:spPr>
            <a:xfrm>
              <a:off x="1793769" y="3976302"/>
              <a:ext cx="1816797" cy="1451430"/>
            </a:xfrm>
            <a:prstGeom prst="roundRect">
              <a:avLst>
                <a:gd name="adj" fmla="val 13667"/>
              </a:avLst>
            </a:prstGeom>
            <a:solidFill>
              <a:schemeClr val="bg1"/>
            </a:solidFill>
            <a:ln w="38100">
              <a:solidFill>
                <a:srgbClr val="FF339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E6CCC05C-2AC3-4FDC-ADC6-72E1D563FF31}"/>
                </a:ext>
              </a:extLst>
            </p:cNvPr>
            <p:cNvSpPr txBox="1"/>
            <p:nvPr/>
          </p:nvSpPr>
          <p:spPr>
            <a:xfrm>
              <a:off x="2340342" y="3356579"/>
              <a:ext cx="418704" cy="646331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ea typeface="Adobe Gothic Std B" panose="020B0800000000000000" pitchFamily="34" charset="-128"/>
                  <a:cs typeface="+mn-cs"/>
                </a:rPr>
                <a:t>1</a:t>
              </a:r>
            </a:p>
          </p:txBody>
        </p:sp>
      </p:grpSp>
      <p:sp>
        <p:nvSpPr>
          <p:cNvPr id="19" name="Rectangle: Rounded Corners 18">
            <a:extLst>
              <a:ext uri="{FF2B5EF4-FFF2-40B4-BE49-F238E27FC236}">
                <a16:creationId xmlns:a16="http://schemas.microsoft.com/office/drawing/2014/main" id="{11A634A5-BEBE-41A7-8833-828F02A6AF05}"/>
              </a:ext>
            </a:extLst>
          </p:cNvPr>
          <p:cNvSpPr/>
          <p:nvPr/>
        </p:nvSpPr>
        <p:spPr>
          <a:xfrm>
            <a:off x="5261782" y="3346411"/>
            <a:ext cx="1712685" cy="257629"/>
          </a:xfrm>
          <a:prstGeom prst="roundRect">
            <a:avLst>
              <a:gd name="adj" fmla="val 50000"/>
            </a:avLst>
          </a:prstGeom>
          <a:solidFill>
            <a:srgbClr val="DEDEDE"/>
          </a:solidFill>
          <a:ln>
            <a:noFill/>
          </a:ln>
          <a:effectLst>
            <a:innerShdw blurRad="25400" dist="50800" dir="16200000">
              <a:prstClr val="black">
                <a:alpha val="50000"/>
              </a:prst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grpSp>
        <p:nvGrpSpPr>
          <p:cNvPr id="51" name="Group 50">
            <a:extLst>
              <a:ext uri="{FF2B5EF4-FFF2-40B4-BE49-F238E27FC236}">
                <a16:creationId xmlns:a16="http://schemas.microsoft.com/office/drawing/2014/main" id="{BA2663C1-5F22-421B-B54E-9421CB53B6A3}"/>
              </a:ext>
            </a:extLst>
          </p:cNvPr>
          <p:cNvGrpSpPr/>
          <p:nvPr/>
        </p:nvGrpSpPr>
        <p:grpSpPr>
          <a:xfrm>
            <a:off x="4776267" y="3259288"/>
            <a:ext cx="2673717" cy="2651587"/>
            <a:chOff x="4806927" y="3256604"/>
            <a:chExt cx="2673717" cy="2651587"/>
          </a:xfrm>
        </p:grpSpPr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C0CEE963-6407-456D-AE97-FEE967376184}"/>
                </a:ext>
              </a:extLst>
            </p:cNvPr>
            <p:cNvSpPr/>
            <p:nvPr/>
          </p:nvSpPr>
          <p:spPr>
            <a:xfrm>
              <a:off x="4806927" y="3645776"/>
              <a:ext cx="2673717" cy="2262415"/>
            </a:xfrm>
            <a:prstGeom prst="roundRect">
              <a:avLst>
                <a:gd name="adj" fmla="val 13667"/>
              </a:avLst>
            </a:prstGeom>
            <a:solidFill>
              <a:schemeClr val="tx1">
                <a:alpha val="21000"/>
              </a:schemeClr>
            </a:solidFill>
            <a:ln w="38100">
              <a:noFill/>
            </a:ln>
            <a:effectLst>
              <a:softEdge rad="342900"/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4C6C0CB9-0A8A-4C00-93F4-976AE6E00E77}"/>
                </a:ext>
              </a:extLst>
            </p:cNvPr>
            <p:cNvSpPr/>
            <p:nvPr/>
          </p:nvSpPr>
          <p:spPr>
            <a:xfrm>
              <a:off x="5698842" y="3263862"/>
              <a:ext cx="870857" cy="800137"/>
            </a:xfrm>
            <a:prstGeom prst="roundRect">
              <a:avLst>
                <a:gd name="adj" fmla="val 0"/>
              </a:avLst>
            </a:prstGeom>
            <a:solidFill>
              <a:srgbClr val="00CC9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21" name="Right Triangle 20">
              <a:extLst>
                <a:ext uri="{FF2B5EF4-FFF2-40B4-BE49-F238E27FC236}">
                  <a16:creationId xmlns:a16="http://schemas.microsoft.com/office/drawing/2014/main" id="{4CEB18C6-0561-46AC-9177-2ACAC3F0CA5B}"/>
                </a:ext>
              </a:extLst>
            </p:cNvPr>
            <p:cNvSpPr/>
            <p:nvPr/>
          </p:nvSpPr>
          <p:spPr>
            <a:xfrm>
              <a:off x="6569699" y="3256604"/>
              <a:ext cx="140061" cy="344752"/>
            </a:xfrm>
            <a:prstGeom prst="rtTriangle">
              <a:avLst/>
            </a:prstGeom>
            <a:solidFill>
              <a:srgbClr val="00999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46E54A60-D136-41F4-8AE7-60D4560C0856}"/>
                </a:ext>
              </a:extLst>
            </p:cNvPr>
            <p:cNvSpPr/>
            <p:nvPr/>
          </p:nvSpPr>
          <p:spPr>
            <a:xfrm>
              <a:off x="5240385" y="3976302"/>
              <a:ext cx="1816797" cy="1451430"/>
            </a:xfrm>
            <a:prstGeom prst="roundRect">
              <a:avLst>
                <a:gd name="adj" fmla="val 13667"/>
              </a:avLst>
            </a:prstGeom>
            <a:solidFill>
              <a:schemeClr val="bg1"/>
            </a:solidFill>
            <a:ln w="38100">
              <a:solidFill>
                <a:srgbClr val="00CC9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B887F0CD-6ECD-4D43-8BD4-4776E69A1759}"/>
                </a:ext>
              </a:extLst>
            </p:cNvPr>
            <p:cNvSpPr txBox="1"/>
            <p:nvPr/>
          </p:nvSpPr>
          <p:spPr>
            <a:xfrm>
              <a:off x="5786958" y="3356579"/>
              <a:ext cx="418704" cy="646331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ea typeface="Adobe Gothic Std B" panose="020B0800000000000000" pitchFamily="34" charset="-128"/>
                  <a:cs typeface="+mn-cs"/>
                </a:rPr>
                <a:t>2</a:t>
              </a:r>
            </a:p>
          </p:txBody>
        </p:sp>
      </p:grpSp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389A8E91-60BF-41B6-891D-33273016A15E}"/>
              </a:ext>
            </a:extLst>
          </p:cNvPr>
          <p:cNvSpPr/>
          <p:nvPr/>
        </p:nvSpPr>
        <p:spPr>
          <a:xfrm>
            <a:off x="8708398" y="3346411"/>
            <a:ext cx="1712685" cy="257629"/>
          </a:xfrm>
          <a:prstGeom prst="roundRect">
            <a:avLst>
              <a:gd name="adj" fmla="val 50000"/>
            </a:avLst>
          </a:prstGeom>
          <a:solidFill>
            <a:srgbClr val="DEDEDE"/>
          </a:solidFill>
          <a:ln>
            <a:noFill/>
          </a:ln>
          <a:effectLst>
            <a:innerShdw blurRad="25400" dist="50800" dir="16200000">
              <a:prstClr val="black">
                <a:alpha val="50000"/>
              </a:prst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grpSp>
        <p:nvGrpSpPr>
          <p:cNvPr id="52" name="Group 51">
            <a:extLst>
              <a:ext uri="{FF2B5EF4-FFF2-40B4-BE49-F238E27FC236}">
                <a16:creationId xmlns:a16="http://schemas.microsoft.com/office/drawing/2014/main" id="{AF2A0251-DE9C-4657-B600-A7B5CC4D6624}"/>
              </a:ext>
            </a:extLst>
          </p:cNvPr>
          <p:cNvGrpSpPr/>
          <p:nvPr/>
        </p:nvGrpSpPr>
        <p:grpSpPr>
          <a:xfrm>
            <a:off x="8222883" y="3259288"/>
            <a:ext cx="2673717" cy="2651587"/>
            <a:chOff x="8253543" y="3256604"/>
            <a:chExt cx="2673717" cy="2651587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64358120-DB8D-40DB-B186-041C65B6BE8D}"/>
                </a:ext>
              </a:extLst>
            </p:cNvPr>
            <p:cNvSpPr/>
            <p:nvPr/>
          </p:nvSpPr>
          <p:spPr>
            <a:xfrm>
              <a:off x="8253543" y="3645776"/>
              <a:ext cx="2673717" cy="2262415"/>
            </a:xfrm>
            <a:prstGeom prst="roundRect">
              <a:avLst>
                <a:gd name="adj" fmla="val 13667"/>
              </a:avLst>
            </a:prstGeom>
            <a:solidFill>
              <a:schemeClr val="tx1">
                <a:alpha val="21000"/>
              </a:schemeClr>
            </a:solidFill>
            <a:ln w="38100">
              <a:noFill/>
            </a:ln>
            <a:effectLst>
              <a:softEdge rad="342900"/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27" name="Rectangle: Rounded Corners 26">
              <a:extLst>
                <a:ext uri="{FF2B5EF4-FFF2-40B4-BE49-F238E27FC236}">
                  <a16:creationId xmlns:a16="http://schemas.microsoft.com/office/drawing/2014/main" id="{19111B8B-D554-48FE-AF24-9F993D576F37}"/>
                </a:ext>
              </a:extLst>
            </p:cNvPr>
            <p:cNvSpPr/>
            <p:nvPr/>
          </p:nvSpPr>
          <p:spPr>
            <a:xfrm>
              <a:off x="9145458" y="3263862"/>
              <a:ext cx="870857" cy="800137"/>
            </a:xfrm>
            <a:prstGeom prst="roundRect">
              <a:avLst>
                <a:gd name="adj" fmla="val 0"/>
              </a:avLst>
            </a:prstGeom>
            <a:solidFill>
              <a:srgbClr val="FF99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28" name="Right Triangle 27">
              <a:extLst>
                <a:ext uri="{FF2B5EF4-FFF2-40B4-BE49-F238E27FC236}">
                  <a16:creationId xmlns:a16="http://schemas.microsoft.com/office/drawing/2014/main" id="{B887AF3B-3373-4228-AB64-A2CDCAA0FFAC}"/>
                </a:ext>
              </a:extLst>
            </p:cNvPr>
            <p:cNvSpPr/>
            <p:nvPr/>
          </p:nvSpPr>
          <p:spPr>
            <a:xfrm>
              <a:off x="10016315" y="3256604"/>
              <a:ext cx="140061" cy="344752"/>
            </a:xfrm>
            <a:prstGeom prst="rtTriangle">
              <a:avLst/>
            </a:prstGeom>
            <a:solidFill>
              <a:srgbClr val="D67F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29" name="Rectangle: Rounded Corners 28">
              <a:extLst>
                <a:ext uri="{FF2B5EF4-FFF2-40B4-BE49-F238E27FC236}">
                  <a16:creationId xmlns:a16="http://schemas.microsoft.com/office/drawing/2014/main" id="{2CF4B66A-99A5-483E-90C5-673EE76370E6}"/>
                </a:ext>
              </a:extLst>
            </p:cNvPr>
            <p:cNvSpPr/>
            <p:nvPr/>
          </p:nvSpPr>
          <p:spPr>
            <a:xfrm>
              <a:off x="8687001" y="3976302"/>
              <a:ext cx="1816797" cy="1451430"/>
            </a:xfrm>
            <a:prstGeom prst="roundRect">
              <a:avLst>
                <a:gd name="adj" fmla="val 13667"/>
              </a:avLst>
            </a:prstGeom>
            <a:solidFill>
              <a:schemeClr val="bg1"/>
            </a:solidFill>
            <a:ln w="38100">
              <a:solidFill>
                <a:srgbClr val="FF99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30" name="TextBox 29">
              <a:extLst>
                <a:ext uri="{FF2B5EF4-FFF2-40B4-BE49-F238E27FC236}">
                  <a16:creationId xmlns:a16="http://schemas.microsoft.com/office/drawing/2014/main" id="{A678B15B-0D7B-4C50-A628-C9A1697066E3}"/>
                </a:ext>
              </a:extLst>
            </p:cNvPr>
            <p:cNvSpPr txBox="1"/>
            <p:nvPr/>
          </p:nvSpPr>
          <p:spPr>
            <a:xfrm>
              <a:off x="9233574" y="3356579"/>
              <a:ext cx="418704" cy="646331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ea typeface="Adobe Gothic Std B" panose="020B0800000000000000" pitchFamily="34" charset="-128"/>
                  <a:cs typeface="+mn-cs"/>
                </a:rPr>
                <a:t>3</a:t>
              </a:r>
            </a:p>
          </p:txBody>
        </p:sp>
      </p:grpSp>
      <p:sp>
        <p:nvSpPr>
          <p:cNvPr id="31" name="TextBox 30">
            <a:extLst>
              <a:ext uri="{FF2B5EF4-FFF2-40B4-BE49-F238E27FC236}">
                <a16:creationId xmlns:a16="http://schemas.microsoft.com/office/drawing/2014/main" id="{0C3AA6D3-0428-4921-9DDB-86A942277703}"/>
              </a:ext>
            </a:extLst>
          </p:cNvPr>
          <p:cNvSpPr txBox="1"/>
          <p:nvPr/>
        </p:nvSpPr>
        <p:spPr>
          <a:xfrm>
            <a:off x="1132448" y="2035247"/>
            <a:ext cx="9443677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cs typeface="+mn-cs"/>
              </a:rPr>
              <a:t>Kur’an-ı Kerim‘in İç Düzeni</a:t>
            </a:r>
            <a:endParaRPr kumimoji="0" lang="en-US" sz="600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ea typeface="Adobe Gothic Std B" panose="020B0800000000000000" pitchFamily="34" charset="-128"/>
              <a:cs typeface="+mn-cs"/>
            </a:endParaRPr>
          </a:p>
        </p:txBody>
      </p:sp>
      <p:sp>
        <p:nvSpPr>
          <p:cNvPr id="53" name="TextBox 52">
            <a:extLst>
              <a:ext uri="{FF2B5EF4-FFF2-40B4-BE49-F238E27FC236}">
                <a16:creationId xmlns:a16="http://schemas.microsoft.com/office/drawing/2014/main" id="{F9C60AC4-357B-47B1-B464-2782A01B0470}"/>
              </a:ext>
            </a:extLst>
          </p:cNvPr>
          <p:cNvSpPr txBox="1"/>
          <p:nvPr/>
        </p:nvSpPr>
        <p:spPr>
          <a:xfrm>
            <a:off x="1763108" y="4302114"/>
            <a:ext cx="1804842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Adobe Gothic Std B" panose="020B0800000000000000" pitchFamily="34" charset="-128"/>
                <a:cs typeface="+mn-cs"/>
              </a:rPr>
              <a:t>AYET</a:t>
            </a:r>
            <a:endParaRPr kumimoji="0" lang="en-US" sz="4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ea typeface="Adobe Gothic Std B" panose="020B0800000000000000" pitchFamily="34" charset="-128"/>
              <a:cs typeface="+mn-cs"/>
            </a:endParaRPr>
          </a:p>
        </p:txBody>
      </p:sp>
      <p:sp>
        <p:nvSpPr>
          <p:cNvPr id="54" name="TextBox 53">
            <a:extLst>
              <a:ext uri="{FF2B5EF4-FFF2-40B4-BE49-F238E27FC236}">
                <a16:creationId xmlns:a16="http://schemas.microsoft.com/office/drawing/2014/main" id="{F740E955-BBC2-4372-9645-60EBED8FDB69}"/>
              </a:ext>
            </a:extLst>
          </p:cNvPr>
          <p:cNvSpPr txBox="1"/>
          <p:nvPr/>
        </p:nvSpPr>
        <p:spPr>
          <a:xfrm>
            <a:off x="5201189" y="4339174"/>
            <a:ext cx="1804842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Adobe Gothic Std B" panose="020B0800000000000000" pitchFamily="34" charset="-128"/>
                <a:cs typeface="+mn-cs"/>
              </a:rPr>
              <a:t>SURE</a:t>
            </a:r>
            <a:endParaRPr kumimoji="0" lang="en-US" sz="4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ea typeface="Adobe Gothic Std B" panose="020B0800000000000000" pitchFamily="34" charset="-128"/>
              <a:cs typeface="+mn-cs"/>
            </a:endParaRPr>
          </a:p>
        </p:txBody>
      </p:sp>
      <p:sp>
        <p:nvSpPr>
          <p:cNvPr id="55" name="TextBox 54">
            <a:extLst>
              <a:ext uri="{FF2B5EF4-FFF2-40B4-BE49-F238E27FC236}">
                <a16:creationId xmlns:a16="http://schemas.microsoft.com/office/drawing/2014/main" id="{5947CC35-DEF2-4FB5-BE91-7BB906C6EB24}"/>
              </a:ext>
            </a:extLst>
          </p:cNvPr>
          <p:cNvSpPr txBox="1"/>
          <p:nvPr/>
        </p:nvSpPr>
        <p:spPr>
          <a:xfrm>
            <a:off x="8616241" y="4309023"/>
            <a:ext cx="18048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Adobe Gothic Std B" panose="020B0800000000000000" pitchFamily="34" charset="-128"/>
                <a:cs typeface="+mn-cs"/>
              </a:rPr>
              <a:t>CÜZ</a:t>
            </a:r>
            <a:endParaRPr kumimoji="0" lang="en-US" sz="4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ea typeface="Adobe Gothic Std B" panose="020B0800000000000000" pitchFamily="34" charset="-128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310061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3" grpId="0"/>
      <p:bldP spid="54" grpId="0"/>
      <p:bldP spid="55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up 3"/>
          <p:cNvGrpSpPr/>
          <p:nvPr/>
        </p:nvGrpSpPr>
        <p:grpSpPr>
          <a:xfrm>
            <a:off x="-8529" y="1238597"/>
            <a:ext cx="3095487" cy="4356879"/>
            <a:chOff x="-8529" y="1238597"/>
            <a:chExt cx="3095487" cy="4356879"/>
          </a:xfrm>
        </p:grpSpPr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CE168C15-453F-4857-A408-E05E9D4320B8}"/>
                </a:ext>
              </a:extLst>
            </p:cNvPr>
            <p:cNvSpPr/>
            <p:nvPr/>
          </p:nvSpPr>
          <p:spPr>
            <a:xfrm>
              <a:off x="168522" y="1238597"/>
              <a:ext cx="2918436" cy="1911787"/>
            </a:xfrm>
            <a:prstGeom prst="roundRect">
              <a:avLst>
                <a:gd name="adj" fmla="val 8598"/>
              </a:avLst>
            </a:prstGeom>
            <a:solidFill>
              <a:schemeClr val="bg1">
                <a:lumMod val="85000"/>
              </a:schemeClr>
            </a:solidFill>
            <a:ln>
              <a:noFill/>
            </a:ln>
            <a:effec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3CC808F-14FC-4538-A3AB-C8098289F637}"/>
                </a:ext>
              </a:extLst>
            </p:cNvPr>
            <p:cNvSpPr/>
            <p:nvPr/>
          </p:nvSpPr>
          <p:spPr>
            <a:xfrm>
              <a:off x="0" y="1491529"/>
              <a:ext cx="2999869" cy="1664757"/>
            </a:xfrm>
            <a:prstGeom prst="roundRect">
              <a:avLst>
                <a:gd name="adj" fmla="val 8598"/>
              </a:avLst>
            </a:prstGeom>
            <a:solidFill>
              <a:schemeClr val="bg1"/>
            </a:solidFill>
            <a:ln>
              <a:noFill/>
            </a:ln>
            <a:effectLst>
              <a:outerShdw blurRad="292100" dist="381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9" name="Freeform: Shape 8">
              <a:extLst>
                <a:ext uri="{FF2B5EF4-FFF2-40B4-BE49-F238E27FC236}">
                  <a16:creationId xmlns:a16="http://schemas.microsoft.com/office/drawing/2014/main" id="{F3E73834-B82C-48FA-A0EF-E43060C4FD4C}"/>
                </a:ext>
              </a:extLst>
            </p:cNvPr>
            <p:cNvSpPr/>
            <p:nvPr/>
          </p:nvSpPr>
          <p:spPr>
            <a:xfrm>
              <a:off x="185203" y="2804855"/>
              <a:ext cx="2273661" cy="668019"/>
            </a:xfrm>
            <a:custGeom>
              <a:avLst/>
              <a:gdLst>
                <a:gd name="connsiteX0" fmla="*/ 0 w 9622301"/>
                <a:gd name="connsiteY0" fmla="*/ 0 h 674986"/>
                <a:gd name="connsiteX1" fmla="*/ 9622301 w 9622301"/>
                <a:gd name="connsiteY1" fmla="*/ 0 h 674986"/>
                <a:gd name="connsiteX2" fmla="*/ 9622301 w 9622301"/>
                <a:gd name="connsiteY2" fmla="*/ 400420 h 674986"/>
                <a:gd name="connsiteX3" fmla="*/ 9347735 w 9622301"/>
                <a:gd name="connsiteY3" fmla="*/ 674986 h 674986"/>
                <a:gd name="connsiteX4" fmla="*/ 274566 w 9622301"/>
                <a:gd name="connsiteY4" fmla="*/ 674986 h 674986"/>
                <a:gd name="connsiteX5" fmla="*/ 0 w 9622301"/>
                <a:gd name="connsiteY5" fmla="*/ 400420 h 67498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9622301" h="674986">
                  <a:moveTo>
                    <a:pt x="0" y="0"/>
                  </a:moveTo>
                  <a:lnTo>
                    <a:pt x="9622301" y="0"/>
                  </a:lnTo>
                  <a:lnTo>
                    <a:pt x="9622301" y="400420"/>
                  </a:lnTo>
                  <a:cubicBezTo>
                    <a:pt x="9622301" y="552059"/>
                    <a:pt x="9499374" y="674986"/>
                    <a:pt x="9347735" y="674986"/>
                  </a:cubicBezTo>
                  <a:lnTo>
                    <a:pt x="274566" y="674986"/>
                  </a:lnTo>
                  <a:cubicBezTo>
                    <a:pt x="122927" y="674986"/>
                    <a:pt x="0" y="552059"/>
                    <a:pt x="0" y="400420"/>
                  </a:cubicBezTo>
                  <a:close/>
                </a:path>
              </a:pathLst>
            </a:custGeom>
            <a:solidFill>
              <a:schemeClr val="tx1"/>
            </a:solidFill>
            <a:ln>
              <a:noFill/>
            </a:ln>
            <a:effec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C446D991-79D6-4507-B497-0AB923C86982}"/>
                </a:ext>
              </a:extLst>
            </p:cNvPr>
            <p:cNvSpPr/>
            <p:nvPr/>
          </p:nvSpPr>
          <p:spPr>
            <a:xfrm>
              <a:off x="546127" y="3041030"/>
              <a:ext cx="1712685" cy="257629"/>
            </a:xfrm>
            <a:prstGeom prst="roundRect">
              <a:avLst>
                <a:gd name="adj" fmla="val 50000"/>
              </a:avLst>
            </a:prstGeom>
            <a:solidFill>
              <a:srgbClr val="DEDEDE"/>
            </a:solidFill>
            <a:ln>
              <a:noFill/>
            </a:ln>
            <a:effectLst>
              <a:innerShdw blurRad="25400" dist="50800" dir="16200000">
                <a:prstClr val="black">
                  <a:alpha val="50000"/>
                </a:prstClr>
              </a:inn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ea typeface="+mn-ea"/>
                <a:cs typeface="+mn-cs"/>
              </a:endParaRPr>
            </a:p>
          </p:txBody>
        </p:sp>
        <p:grpSp>
          <p:nvGrpSpPr>
            <p:cNvPr id="50" name="Group 49">
              <a:extLst>
                <a:ext uri="{FF2B5EF4-FFF2-40B4-BE49-F238E27FC236}">
                  <a16:creationId xmlns:a16="http://schemas.microsoft.com/office/drawing/2014/main" id="{825C870E-C569-4906-B51B-2033BC2011B2}"/>
                </a:ext>
              </a:extLst>
            </p:cNvPr>
            <p:cNvGrpSpPr/>
            <p:nvPr/>
          </p:nvGrpSpPr>
          <p:grpSpPr>
            <a:xfrm>
              <a:off x="-8529" y="2943889"/>
              <a:ext cx="2673717" cy="2651587"/>
              <a:chOff x="1360311" y="3256604"/>
              <a:chExt cx="2673717" cy="2651587"/>
            </a:xfrm>
          </p:grpSpPr>
          <p:sp>
            <p:nvSpPr>
              <p:cNvPr id="15" name="Rectangle: Rounded Corners 14">
                <a:extLst>
                  <a:ext uri="{FF2B5EF4-FFF2-40B4-BE49-F238E27FC236}">
                    <a16:creationId xmlns:a16="http://schemas.microsoft.com/office/drawing/2014/main" id="{DF4F2FD5-0E1A-4595-81B5-A4586D8377C3}"/>
                  </a:ext>
                </a:extLst>
              </p:cNvPr>
              <p:cNvSpPr/>
              <p:nvPr/>
            </p:nvSpPr>
            <p:spPr>
              <a:xfrm>
                <a:off x="1360311" y="3645776"/>
                <a:ext cx="2673717" cy="2262415"/>
              </a:xfrm>
              <a:prstGeom prst="roundRect">
                <a:avLst>
                  <a:gd name="adj" fmla="val 13667"/>
                </a:avLst>
              </a:prstGeom>
              <a:solidFill>
                <a:schemeClr val="tx1">
                  <a:alpha val="21000"/>
                </a:schemeClr>
              </a:solidFill>
              <a:ln w="38100">
                <a:noFill/>
              </a:ln>
              <a:effectLst>
                <a:softEdge rad="342900"/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ea typeface="+mn-ea"/>
                  <a:cs typeface="+mn-cs"/>
                </a:endParaRPr>
              </a:p>
            </p:txBody>
          </p:sp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F00B24E9-F7FE-43B9-B222-3B5A6FCD94ED}"/>
                  </a:ext>
                </a:extLst>
              </p:cNvPr>
              <p:cNvSpPr/>
              <p:nvPr/>
            </p:nvSpPr>
            <p:spPr>
              <a:xfrm>
                <a:off x="2252226" y="3263862"/>
                <a:ext cx="870857" cy="800137"/>
              </a:xfrm>
              <a:prstGeom prst="roundRect">
                <a:avLst>
                  <a:gd name="adj" fmla="val 0"/>
                </a:avLst>
              </a:prstGeom>
              <a:solidFill>
                <a:srgbClr val="FF3399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ea typeface="+mn-ea"/>
                  <a:cs typeface="+mn-cs"/>
                </a:endParaRPr>
              </a:p>
            </p:txBody>
          </p:sp>
          <p:sp>
            <p:nvSpPr>
              <p:cNvPr id="11" name="Right Triangle 10">
                <a:extLst>
                  <a:ext uri="{FF2B5EF4-FFF2-40B4-BE49-F238E27FC236}">
                    <a16:creationId xmlns:a16="http://schemas.microsoft.com/office/drawing/2014/main" id="{B472F985-0DDA-43D2-BA60-9A4591C81A8C}"/>
                  </a:ext>
                </a:extLst>
              </p:cNvPr>
              <p:cNvSpPr/>
              <p:nvPr/>
            </p:nvSpPr>
            <p:spPr>
              <a:xfrm>
                <a:off x="3123083" y="3256604"/>
                <a:ext cx="140061" cy="344752"/>
              </a:xfrm>
              <a:prstGeom prst="rtTriangle">
                <a:avLst/>
              </a:prstGeom>
              <a:solidFill>
                <a:srgbClr val="C00000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ea typeface="+mn-ea"/>
                  <a:cs typeface="+mn-cs"/>
                </a:endParaRPr>
              </a:p>
            </p:txBody>
          </p:sp>
          <p:sp>
            <p:nvSpPr>
              <p:cNvPr id="12" name="Rectangle: Rounded Corners 11">
                <a:extLst>
                  <a:ext uri="{FF2B5EF4-FFF2-40B4-BE49-F238E27FC236}">
                    <a16:creationId xmlns:a16="http://schemas.microsoft.com/office/drawing/2014/main" id="{D2C1713E-E4CF-482E-AB10-16A999A845CE}"/>
                  </a:ext>
                </a:extLst>
              </p:cNvPr>
              <p:cNvSpPr/>
              <p:nvPr/>
            </p:nvSpPr>
            <p:spPr>
              <a:xfrm>
                <a:off x="1793769" y="3976302"/>
                <a:ext cx="1816797" cy="1451430"/>
              </a:xfrm>
              <a:prstGeom prst="roundRect">
                <a:avLst>
                  <a:gd name="adj" fmla="val 13667"/>
                </a:avLst>
              </a:prstGeom>
              <a:solidFill>
                <a:schemeClr val="bg1"/>
              </a:solidFill>
              <a:ln w="38100">
                <a:solidFill>
                  <a:srgbClr val="FF3399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ea typeface="+mn-ea"/>
                  <a:cs typeface="+mn-cs"/>
                </a:endParaRPr>
              </a:p>
            </p:txBody>
          </p:sp>
        </p:grpSp>
        <p:sp>
          <p:nvSpPr>
            <p:cNvPr id="53" name="TextBox 52">
              <a:extLst>
                <a:ext uri="{FF2B5EF4-FFF2-40B4-BE49-F238E27FC236}">
                  <a16:creationId xmlns:a16="http://schemas.microsoft.com/office/drawing/2014/main" id="{F9C60AC4-357B-47B1-B464-2782A01B0470}"/>
                </a:ext>
              </a:extLst>
            </p:cNvPr>
            <p:cNvSpPr txBox="1"/>
            <p:nvPr/>
          </p:nvSpPr>
          <p:spPr>
            <a:xfrm>
              <a:off x="384302" y="4003718"/>
              <a:ext cx="1804842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ea typeface="Adobe Gothic Std B" panose="020B0800000000000000" pitchFamily="34" charset="-128"/>
                  <a:cs typeface="+mn-cs"/>
                </a:rPr>
                <a:t>AYET</a:t>
              </a:r>
              <a:endParaRPr kumimoji="0" lang="en-US" sz="4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Adobe Gothic Std B" panose="020B0800000000000000" pitchFamily="34" charset="-128"/>
                <a:cs typeface="+mn-cs"/>
              </a:endParaRPr>
            </a:p>
          </p:txBody>
        </p:sp>
      </p:grpSp>
      <p:sp>
        <p:nvSpPr>
          <p:cNvPr id="3" name="Dikdörtgen 2"/>
          <p:cNvSpPr/>
          <p:nvPr/>
        </p:nvSpPr>
        <p:spPr>
          <a:xfrm>
            <a:off x="3261815" y="600504"/>
            <a:ext cx="8693624" cy="3521122"/>
          </a:xfrm>
          <a:prstGeom prst="rect">
            <a:avLst/>
          </a:prstGeom>
          <a:solidFill>
            <a:schemeClr val="bg1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just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2400" dirty="0">
                <a:solidFill>
                  <a:schemeClr val="tx1"/>
                </a:solidFill>
              </a:rPr>
              <a:t>Kur’an-ı Kerim’in her bir cümlesine</a:t>
            </a:r>
            <a:r>
              <a:rPr lang="tr-TR" sz="2400" b="1" dirty="0">
                <a:solidFill>
                  <a:schemeClr val="tx1"/>
                </a:solidFill>
              </a:rPr>
              <a:t> ayet </a:t>
            </a:r>
            <a:r>
              <a:rPr lang="tr-TR" sz="2400" dirty="0">
                <a:solidFill>
                  <a:schemeClr val="tx1"/>
                </a:solidFill>
              </a:rPr>
              <a:t>denir.</a:t>
            </a:r>
          </a:p>
          <a:p>
            <a:pPr marL="342900" indent="-342900" algn="just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2400" dirty="0">
                <a:solidFill>
                  <a:schemeClr val="tx1"/>
                </a:solidFill>
              </a:rPr>
              <a:t>Ayetler, içlerinde ayet numaralarının yazılı olduğu küçük yuvarlak işaretlerle ayrılmıştır. Bu işaretlere </a:t>
            </a:r>
            <a:r>
              <a:rPr lang="tr-TR" sz="2400" b="1" dirty="0">
                <a:solidFill>
                  <a:schemeClr val="tx1"/>
                </a:solidFill>
              </a:rPr>
              <a:t>durak</a:t>
            </a:r>
            <a:r>
              <a:rPr lang="tr-TR" sz="2400" dirty="0">
                <a:solidFill>
                  <a:schemeClr val="tx1"/>
                </a:solidFill>
              </a:rPr>
              <a:t> denir.</a:t>
            </a:r>
          </a:p>
          <a:p>
            <a:pPr marL="342900" indent="-342900" algn="just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2400" dirty="0">
                <a:solidFill>
                  <a:schemeClr val="tx1"/>
                </a:solidFill>
              </a:rPr>
              <a:t> Bazı ayetlerin </a:t>
            </a:r>
            <a:r>
              <a:rPr lang="tr-TR" sz="2400" b="1" dirty="0">
                <a:solidFill>
                  <a:schemeClr val="tx1"/>
                </a:solidFill>
              </a:rPr>
              <a:t>özel bir isimleri </a:t>
            </a:r>
            <a:r>
              <a:rPr lang="tr-TR" sz="2400" dirty="0">
                <a:solidFill>
                  <a:schemeClr val="tx1"/>
                </a:solidFill>
              </a:rPr>
              <a:t>vardır. Örneğin; Bakara suresinin 255. ayeti, “</a:t>
            </a:r>
            <a:r>
              <a:rPr lang="tr-TR" sz="2400" dirty="0" err="1">
                <a:solidFill>
                  <a:schemeClr val="tx1"/>
                </a:solidFill>
              </a:rPr>
              <a:t>Ayete’l</a:t>
            </a:r>
            <a:r>
              <a:rPr lang="tr-TR" sz="2400" dirty="0">
                <a:solidFill>
                  <a:schemeClr val="tx1"/>
                </a:solidFill>
              </a:rPr>
              <a:t>-Kürsi” ismiyle bilinir.</a:t>
            </a:r>
          </a:p>
        </p:txBody>
      </p:sp>
      <p:sp>
        <p:nvSpPr>
          <p:cNvPr id="52" name="Yuvarlatılmış Dikdörtgen 51">
            <a:hlinkClick r:id="rId4"/>
          </p:cNvPr>
          <p:cNvSpPr/>
          <p:nvPr/>
        </p:nvSpPr>
        <p:spPr>
          <a:xfrm>
            <a:off x="3352800" y="4316995"/>
            <a:ext cx="8591550" cy="1235369"/>
          </a:xfrm>
          <a:prstGeom prst="roundRect">
            <a:avLst>
              <a:gd name="adj" fmla="val 6724"/>
            </a:avLst>
          </a:prstGeom>
          <a:solidFill>
            <a:srgbClr val="17AB93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ur’an-ı Kerim’den </a:t>
            </a:r>
            <a:r>
              <a:rPr lang="tr-TR" sz="3200" kern="0" dirty="0">
                <a:solidFill>
                  <a:prstClr val="white"/>
                </a:solidFill>
                <a:latin typeface="Calibri" panose="020F0502020204030204"/>
              </a:rPr>
              <a:t>en uzun ayeti bulalım.</a:t>
            </a: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 </a:t>
            </a:r>
          </a:p>
        </p:txBody>
      </p:sp>
      <p:sp>
        <p:nvSpPr>
          <p:cNvPr id="54" name="Dikdörtgen 53"/>
          <p:cNvSpPr/>
          <p:nvPr/>
        </p:nvSpPr>
        <p:spPr>
          <a:xfrm>
            <a:off x="10401301" y="4768778"/>
            <a:ext cx="1624084" cy="1917771"/>
          </a:xfrm>
          <a:prstGeom prst="rect">
            <a:avLst/>
          </a:prstGeom>
          <a:blipFill>
            <a:blip r:embed="rId5"/>
            <a:stretch>
              <a:fillRect/>
            </a:stretch>
          </a:blip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36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85764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52" grpId="0" animBg="1"/>
      <p:bldP spid="54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Resim 1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3731" y="191067"/>
            <a:ext cx="12078269" cy="5202594"/>
          </a:xfrm>
          <a:prstGeom prst="rect">
            <a:avLst/>
          </a:prstGeom>
        </p:spPr>
      </p:pic>
      <p:sp>
        <p:nvSpPr>
          <p:cNvPr id="17" name="Yuvarlatılmış Dikdörtgen 16"/>
          <p:cNvSpPr/>
          <p:nvPr/>
        </p:nvSpPr>
        <p:spPr>
          <a:xfrm>
            <a:off x="723331" y="5609229"/>
            <a:ext cx="10658902" cy="750627"/>
          </a:xfrm>
          <a:prstGeom prst="roundRect">
            <a:avLst/>
          </a:prstGeom>
          <a:solidFill>
            <a:schemeClr val="accent4">
              <a:lumMod val="60000"/>
              <a:lumOff val="40000"/>
            </a:schemeClr>
          </a:solidFill>
          <a:ln>
            <a:solidFill>
              <a:schemeClr val="bg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Fatiha suresindeki </a:t>
            </a:r>
            <a:r>
              <a:rPr lang="tr-TR" sz="3200" b="1" dirty="0">
                <a:solidFill>
                  <a:schemeClr val="tx1"/>
                </a:solidFill>
              </a:rPr>
              <a:t>ayetleri ve durakları </a:t>
            </a:r>
            <a:r>
              <a:rPr lang="tr-TR" sz="3200" dirty="0">
                <a:solidFill>
                  <a:schemeClr val="tx1"/>
                </a:solidFill>
              </a:rPr>
              <a:t>gösterelim.</a:t>
            </a:r>
          </a:p>
        </p:txBody>
      </p:sp>
      <p:sp>
        <p:nvSpPr>
          <p:cNvPr id="19" name="Çerçeve 18"/>
          <p:cNvSpPr/>
          <p:nvPr/>
        </p:nvSpPr>
        <p:spPr>
          <a:xfrm>
            <a:off x="5295331" y="2593074"/>
            <a:ext cx="2947917" cy="696036"/>
          </a:xfrm>
          <a:prstGeom prst="frame">
            <a:avLst>
              <a:gd name="adj1" fmla="val 6618"/>
            </a:avLst>
          </a:prstGeom>
          <a:solidFill>
            <a:srgbClr val="F12F33"/>
          </a:solidFill>
          <a:ln>
            <a:solidFill>
              <a:srgbClr val="F12F3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>
              <a:solidFill>
                <a:schemeClr val="tx1"/>
              </a:solidFill>
            </a:endParaRPr>
          </a:p>
        </p:txBody>
      </p:sp>
      <p:sp>
        <p:nvSpPr>
          <p:cNvPr id="20" name="Halka 19"/>
          <p:cNvSpPr/>
          <p:nvPr/>
        </p:nvSpPr>
        <p:spPr>
          <a:xfrm>
            <a:off x="2620370" y="2729552"/>
            <a:ext cx="491320" cy="491320"/>
          </a:xfrm>
          <a:prstGeom prst="donut">
            <a:avLst>
              <a:gd name="adj" fmla="val 12181"/>
            </a:avLst>
          </a:prstGeom>
          <a:solidFill>
            <a:srgbClr val="F12F33"/>
          </a:solidFill>
          <a:ln>
            <a:solidFill>
              <a:srgbClr val="F12F3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>
              <a:solidFill>
                <a:schemeClr val="tx1"/>
              </a:solidFill>
            </a:endParaRPr>
          </a:p>
        </p:txBody>
      </p:sp>
      <p:sp>
        <p:nvSpPr>
          <p:cNvPr id="21" name="Halka 20"/>
          <p:cNvSpPr/>
          <p:nvPr/>
        </p:nvSpPr>
        <p:spPr>
          <a:xfrm>
            <a:off x="10975075" y="3455158"/>
            <a:ext cx="491320" cy="491320"/>
          </a:xfrm>
          <a:prstGeom prst="donut">
            <a:avLst>
              <a:gd name="adj" fmla="val 12181"/>
            </a:avLst>
          </a:prstGeom>
          <a:solidFill>
            <a:srgbClr val="F12F33"/>
          </a:solidFill>
          <a:ln>
            <a:solidFill>
              <a:srgbClr val="F12F3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>
              <a:solidFill>
                <a:schemeClr val="tx1"/>
              </a:solidFill>
            </a:endParaRPr>
          </a:p>
        </p:txBody>
      </p:sp>
      <p:sp>
        <p:nvSpPr>
          <p:cNvPr id="22" name="Halka 21"/>
          <p:cNvSpPr/>
          <p:nvPr/>
        </p:nvSpPr>
        <p:spPr>
          <a:xfrm>
            <a:off x="7688239" y="3498376"/>
            <a:ext cx="491320" cy="491320"/>
          </a:xfrm>
          <a:prstGeom prst="donut">
            <a:avLst>
              <a:gd name="adj" fmla="val 12181"/>
            </a:avLst>
          </a:prstGeom>
          <a:solidFill>
            <a:srgbClr val="F12F33"/>
          </a:solidFill>
          <a:ln>
            <a:solidFill>
              <a:srgbClr val="F12F3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>
              <a:solidFill>
                <a:schemeClr val="tx1"/>
              </a:solidFill>
            </a:endParaRPr>
          </a:p>
        </p:txBody>
      </p:sp>
      <p:sp>
        <p:nvSpPr>
          <p:cNvPr id="23" name="Halka 22"/>
          <p:cNvSpPr/>
          <p:nvPr/>
        </p:nvSpPr>
        <p:spPr>
          <a:xfrm>
            <a:off x="4346812" y="3500651"/>
            <a:ext cx="491320" cy="491320"/>
          </a:xfrm>
          <a:prstGeom prst="donut">
            <a:avLst>
              <a:gd name="adj" fmla="val 12181"/>
            </a:avLst>
          </a:prstGeom>
          <a:solidFill>
            <a:srgbClr val="F12F33"/>
          </a:solidFill>
          <a:ln>
            <a:solidFill>
              <a:srgbClr val="F12F3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>
              <a:solidFill>
                <a:schemeClr val="tx1"/>
              </a:solidFill>
            </a:endParaRPr>
          </a:p>
        </p:txBody>
      </p:sp>
      <p:sp>
        <p:nvSpPr>
          <p:cNvPr id="24" name="Halka 23"/>
          <p:cNvSpPr/>
          <p:nvPr/>
        </p:nvSpPr>
        <p:spPr>
          <a:xfrm>
            <a:off x="7378890" y="4212609"/>
            <a:ext cx="491320" cy="491320"/>
          </a:xfrm>
          <a:prstGeom prst="donut">
            <a:avLst>
              <a:gd name="adj" fmla="val 12181"/>
            </a:avLst>
          </a:prstGeom>
          <a:solidFill>
            <a:srgbClr val="F12F33"/>
          </a:solidFill>
          <a:ln>
            <a:solidFill>
              <a:srgbClr val="F12F3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091916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9" grpId="0" animBg="1"/>
      <p:bldP spid="20" grpId="0" animBg="1"/>
      <p:bldP spid="21" grpId="0" animBg="1"/>
      <p:bldP spid="22" grpId="0" animBg="1"/>
      <p:bldP spid="23" grpId="0" animBg="1"/>
      <p:bldP spid="24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up 3"/>
          <p:cNvGrpSpPr/>
          <p:nvPr/>
        </p:nvGrpSpPr>
        <p:grpSpPr>
          <a:xfrm>
            <a:off x="-8529" y="1238597"/>
            <a:ext cx="3095487" cy="4356879"/>
            <a:chOff x="-8529" y="1238597"/>
            <a:chExt cx="3095487" cy="4356879"/>
          </a:xfrm>
        </p:grpSpPr>
        <p:sp>
          <p:nvSpPr>
            <p:cNvPr id="5" name="Rectangle: Rounded Corners 13">
              <a:extLst>
                <a:ext uri="{FF2B5EF4-FFF2-40B4-BE49-F238E27FC236}">
                  <a16:creationId xmlns:a16="http://schemas.microsoft.com/office/drawing/2014/main" id="{CE168C15-453F-4857-A408-E05E9D4320B8}"/>
                </a:ext>
              </a:extLst>
            </p:cNvPr>
            <p:cNvSpPr/>
            <p:nvPr/>
          </p:nvSpPr>
          <p:spPr>
            <a:xfrm>
              <a:off x="168522" y="1238597"/>
              <a:ext cx="2918436" cy="1911787"/>
            </a:xfrm>
            <a:prstGeom prst="roundRect">
              <a:avLst>
                <a:gd name="adj" fmla="val 8598"/>
              </a:avLst>
            </a:prstGeom>
            <a:solidFill>
              <a:schemeClr val="bg1">
                <a:lumMod val="85000"/>
              </a:schemeClr>
            </a:solidFill>
            <a:ln>
              <a:noFill/>
            </a:ln>
            <a:effec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6" name="Rectangle: Rounded Corners 4">
              <a:extLst>
                <a:ext uri="{FF2B5EF4-FFF2-40B4-BE49-F238E27FC236}">
                  <a16:creationId xmlns:a16="http://schemas.microsoft.com/office/drawing/2014/main" id="{13CC808F-14FC-4538-A3AB-C8098289F637}"/>
                </a:ext>
              </a:extLst>
            </p:cNvPr>
            <p:cNvSpPr/>
            <p:nvPr/>
          </p:nvSpPr>
          <p:spPr>
            <a:xfrm>
              <a:off x="0" y="1491529"/>
              <a:ext cx="2999869" cy="1664757"/>
            </a:xfrm>
            <a:prstGeom prst="roundRect">
              <a:avLst>
                <a:gd name="adj" fmla="val 8598"/>
              </a:avLst>
            </a:prstGeom>
            <a:solidFill>
              <a:schemeClr val="bg1"/>
            </a:solidFill>
            <a:ln>
              <a:noFill/>
            </a:ln>
            <a:effectLst>
              <a:outerShdw blurRad="292100" dist="381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7" name="Freeform: Shape 8">
              <a:extLst>
                <a:ext uri="{FF2B5EF4-FFF2-40B4-BE49-F238E27FC236}">
                  <a16:creationId xmlns:a16="http://schemas.microsoft.com/office/drawing/2014/main" id="{F3E73834-B82C-48FA-A0EF-E43060C4FD4C}"/>
                </a:ext>
              </a:extLst>
            </p:cNvPr>
            <p:cNvSpPr/>
            <p:nvPr/>
          </p:nvSpPr>
          <p:spPr>
            <a:xfrm>
              <a:off x="185203" y="2804855"/>
              <a:ext cx="2273661" cy="668019"/>
            </a:xfrm>
            <a:custGeom>
              <a:avLst/>
              <a:gdLst>
                <a:gd name="connsiteX0" fmla="*/ 0 w 9622301"/>
                <a:gd name="connsiteY0" fmla="*/ 0 h 674986"/>
                <a:gd name="connsiteX1" fmla="*/ 9622301 w 9622301"/>
                <a:gd name="connsiteY1" fmla="*/ 0 h 674986"/>
                <a:gd name="connsiteX2" fmla="*/ 9622301 w 9622301"/>
                <a:gd name="connsiteY2" fmla="*/ 400420 h 674986"/>
                <a:gd name="connsiteX3" fmla="*/ 9347735 w 9622301"/>
                <a:gd name="connsiteY3" fmla="*/ 674986 h 674986"/>
                <a:gd name="connsiteX4" fmla="*/ 274566 w 9622301"/>
                <a:gd name="connsiteY4" fmla="*/ 674986 h 674986"/>
                <a:gd name="connsiteX5" fmla="*/ 0 w 9622301"/>
                <a:gd name="connsiteY5" fmla="*/ 400420 h 67498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9622301" h="674986">
                  <a:moveTo>
                    <a:pt x="0" y="0"/>
                  </a:moveTo>
                  <a:lnTo>
                    <a:pt x="9622301" y="0"/>
                  </a:lnTo>
                  <a:lnTo>
                    <a:pt x="9622301" y="400420"/>
                  </a:lnTo>
                  <a:cubicBezTo>
                    <a:pt x="9622301" y="552059"/>
                    <a:pt x="9499374" y="674986"/>
                    <a:pt x="9347735" y="674986"/>
                  </a:cubicBezTo>
                  <a:lnTo>
                    <a:pt x="274566" y="674986"/>
                  </a:lnTo>
                  <a:cubicBezTo>
                    <a:pt x="122927" y="674986"/>
                    <a:pt x="0" y="552059"/>
                    <a:pt x="0" y="400420"/>
                  </a:cubicBezTo>
                  <a:close/>
                </a:path>
              </a:pathLst>
            </a:custGeom>
            <a:solidFill>
              <a:schemeClr val="tx1"/>
            </a:solidFill>
            <a:ln>
              <a:noFill/>
            </a:ln>
            <a:effec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8" name="Rectangle: Rounded Corners 5">
              <a:extLst>
                <a:ext uri="{FF2B5EF4-FFF2-40B4-BE49-F238E27FC236}">
                  <a16:creationId xmlns:a16="http://schemas.microsoft.com/office/drawing/2014/main" id="{C446D991-79D6-4507-B497-0AB923C86982}"/>
                </a:ext>
              </a:extLst>
            </p:cNvPr>
            <p:cNvSpPr/>
            <p:nvPr/>
          </p:nvSpPr>
          <p:spPr>
            <a:xfrm>
              <a:off x="546127" y="3041030"/>
              <a:ext cx="1712685" cy="257629"/>
            </a:xfrm>
            <a:prstGeom prst="roundRect">
              <a:avLst>
                <a:gd name="adj" fmla="val 50000"/>
              </a:avLst>
            </a:prstGeom>
            <a:solidFill>
              <a:srgbClr val="DEDEDE"/>
            </a:solidFill>
            <a:ln>
              <a:noFill/>
            </a:ln>
            <a:effectLst>
              <a:innerShdw blurRad="25400" dist="50800" dir="16200000">
                <a:prstClr val="black">
                  <a:alpha val="50000"/>
                </a:prstClr>
              </a:inn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grpSp>
          <p:nvGrpSpPr>
            <p:cNvPr id="9" name="Group 49">
              <a:extLst>
                <a:ext uri="{FF2B5EF4-FFF2-40B4-BE49-F238E27FC236}">
                  <a16:creationId xmlns:a16="http://schemas.microsoft.com/office/drawing/2014/main" id="{825C870E-C569-4906-B51B-2033BC2011B2}"/>
                </a:ext>
              </a:extLst>
            </p:cNvPr>
            <p:cNvGrpSpPr/>
            <p:nvPr/>
          </p:nvGrpSpPr>
          <p:grpSpPr>
            <a:xfrm>
              <a:off x="-8529" y="2943889"/>
              <a:ext cx="2673717" cy="2651587"/>
              <a:chOff x="1360311" y="3256604"/>
              <a:chExt cx="2673717" cy="2651587"/>
            </a:xfrm>
          </p:grpSpPr>
          <p:sp>
            <p:nvSpPr>
              <p:cNvPr id="11" name="Rectangle: Rounded Corners 14">
                <a:extLst>
                  <a:ext uri="{FF2B5EF4-FFF2-40B4-BE49-F238E27FC236}">
                    <a16:creationId xmlns:a16="http://schemas.microsoft.com/office/drawing/2014/main" id="{DF4F2FD5-0E1A-4595-81B5-A4586D8377C3}"/>
                  </a:ext>
                </a:extLst>
              </p:cNvPr>
              <p:cNvSpPr/>
              <p:nvPr/>
            </p:nvSpPr>
            <p:spPr>
              <a:xfrm>
                <a:off x="1360311" y="3645776"/>
                <a:ext cx="2673717" cy="2262415"/>
              </a:xfrm>
              <a:prstGeom prst="roundRect">
                <a:avLst>
                  <a:gd name="adj" fmla="val 13667"/>
                </a:avLst>
              </a:prstGeom>
              <a:solidFill>
                <a:schemeClr val="tx1">
                  <a:alpha val="21000"/>
                </a:schemeClr>
              </a:solidFill>
              <a:ln w="38100">
                <a:noFill/>
              </a:ln>
              <a:effectLst>
                <a:softEdge rad="342900"/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12" name="Rectangle: Rounded Corners 9">
                <a:extLst>
                  <a:ext uri="{FF2B5EF4-FFF2-40B4-BE49-F238E27FC236}">
                    <a16:creationId xmlns:a16="http://schemas.microsoft.com/office/drawing/2014/main" id="{F00B24E9-F7FE-43B9-B222-3B5A6FCD94ED}"/>
                  </a:ext>
                </a:extLst>
              </p:cNvPr>
              <p:cNvSpPr/>
              <p:nvPr/>
            </p:nvSpPr>
            <p:spPr>
              <a:xfrm>
                <a:off x="2252226" y="3263862"/>
                <a:ext cx="870857" cy="800137"/>
              </a:xfrm>
              <a:prstGeom prst="roundRect">
                <a:avLst>
                  <a:gd name="adj" fmla="val 0"/>
                </a:avLst>
              </a:prstGeom>
              <a:solidFill>
                <a:srgbClr val="FF3399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13" name="Right Triangle 10">
                <a:extLst>
                  <a:ext uri="{FF2B5EF4-FFF2-40B4-BE49-F238E27FC236}">
                    <a16:creationId xmlns:a16="http://schemas.microsoft.com/office/drawing/2014/main" id="{B472F985-0DDA-43D2-BA60-9A4591C81A8C}"/>
                  </a:ext>
                </a:extLst>
              </p:cNvPr>
              <p:cNvSpPr/>
              <p:nvPr/>
            </p:nvSpPr>
            <p:spPr>
              <a:xfrm>
                <a:off x="3123083" y="3256604"/>
                <a:ext cx="140061" cy="344752"/>
              </a:xfrm>
              <a:prstGeom prst="rtTriangle">
                <a:avLst/>
              </a:prstGeom>
              <a:solidFill>
                <a:srgbClr val="C00000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14" name="Rectangle: Rounded Corners 11">
                <a:extLst>
                  <a:ext uri="{FF2B5EF4-FFF2-40B4-BE49-F238E27FC236}">
                    <a16:creationId xmlns:a16="http://schemas.microsoft.com/office/drawing/2014/main" id="{D2C1713E-E4CF-482E-AB10-16A999A845CE}"/>
                  </a:ext>
                </a:extLst>
              </p:cNvPr>
              <p:cNvSpPr/>
              <p:nvPr/>
            </p:nvSpPr>
            <p:spPr>
              <a:xfrm>
                <a:off x="1793769" y="3976302"/>
                <a:ext cx="1816797" cy="1451430"/>
              </a:xfrm>
              <a:prstGeom prst="roundRect">
                <a:avLst>
                  <a:gd name="adj" fmla="val 13667"/>
                </a:avLst>
              </a:prstGeom>
              <a:solidFill>
                <a:schemeClr val="bg1"/>
              </a:solidFill>
              <a:ln w="38100">
                <a:solidFill>
                  <a:srgbClr val="FF3399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p:grpSp>
        <p:sp>
          <p:nvSpPr>
            <p:cNvPr id="10" name="TextBox 52">
              <a:extLst>
                <a:ext uri="{FF2B5EF4-FFF2-40B4-BE49-F238E27FC236}">
                  <a16:creationId xmlns:a16="http://schemas.microsoft.com/office/drawing/2014/main" id="{F9C60AC4-357B-47B1-B464-2782A01B0470}"/>
                </a:ext>
              </a:extLst>
            </p:cNvPr>
            <p:cNvSpPr txBox="1"/>
            <p:nvPr/>
          </p:nvSpPr>
          <p:spPr>
            <a:xfrm>
              <a:off x="384302" y="4003718"/>
              <a:ext cx="1804842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tr-TR" sz="4800" dirty="0">
                  <a:solidFill>
                    <a:prstClr val="black"/>
                  </a:solidFill>
                  <a:latin typeface="Adobe Gothic Std B" panose="020B0800000000000000" pitchFamily="34" charset="-128"/>
                  <a:ea typeface="Adobe Gothic Std B" panose="020B0800000000000000" pitchFamily="34" charset="-128"/>
                </a:rPr>
                <a:t>SURE</a:t>
              </a:r>
              <a:endParaRPr kumimoji="0" lang="en-US" sz="4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dobe Gothic Std B" panose="020B0800000000000000" pitchFamily="34" charset="-128"/>
                <a:ea typeface="Adobe Gothic Std B" panose="020B0800000000000000" pitchFamily="34" charset="-128"/>
                <a:cs typeface="+mn-cs"/>
              </a:endParaRPr>
            </a:p>
          </p:txBody>
        </p:sp>
      </p:grpSp>
      <p:sp>
        <p:nvSpPr>
          <p:cNvPr id="15" name="Dikdörtgen 14"/>
          <p:cNvSpPr/>
          <p:nvPr/>
        </p:nvSpPr>
        <p:spPr>
          <a:xfrm>
            <a:off x="3261815" y="981504"/>
            <a:ext cx="8693624" cy="4219146"/>
          </a:xfrm>
          <a:prstGeom prst="rect">
            <a:avLst/>
          </a:prstGeom>
          <a:solidFill>
            <a:schemeClr val="bg1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just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2800" dirty="0">
                <a:solidFill>
                  <a:schemeClr val="tx1"/>
                </a:solidFill>
              </a:rPr>
              <a:t>Farklı sayılarda ayet içeren</a:t>
            </a:r>
            <a:r>
              <a:rPr lang="tr-TR" sz="2800" b="1" dirty="0">
                <a:solidFill>
                  <a:schemeClr val="tx1"/>
                </a:solidFill>
              </a:rPr>
              <a:t> bölümlere </a:t>
            </a:r>
            <a:r>
              <a:rPr lang="tr-TR" sz="2800" dirty="0">
                <a:solidFill>
                  <a:schemeClr val="tx1"/>
                </a:solidFill>
              </a:rPr>
              <a:t>sure denir.</a:t>
            </a:r>
          </a:p>
          <a:p>
            <a:pPr marL="342900" indent="-342900" algn="just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2800" dirty="0">
                <a:solidFill>
                  <a:schemeClr val="tx1"/>
                </a:solidFill>
              </a:rPr>
              <a:t>Kur’an-ı Kerim’de toplam </a:t>
            </a:r>
            <a:r>
              <a:rPr lang="tr-TR" sz="2800" b="1" dirty="0">
                <a:solidFill>
                  <a:schemeClr val="tx1"/>
                </a:solidFill>
              </a:rPr>
              <a:t>114 sure </a:t>
            </a:r>
            <a:r>
              <a:rPr lang="tr-TR" sz="2800" dirty="0">
                <a:solidFill>
                  <a:schemeClr val="tx1"/>
                </a:solidFill>
              </a:rPr>
              <a:t>vardır.</a:t>
            </a:r>
          </a:p>
          <a:p>
            <a:pPr marL="342900" indent="-342900" algn="just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2800" dirty="0">
                <a:solidFill>
                  <a:schemeClr val="tx1"/>
                </a:solidFill>
              </a:rPr>
              <a:t>Sureler </a:t>
            </a:r>
            <a:r>
              <a:rPr lang="tr-TR" sz="2800" b="1" dirty="0">
                <a:solidFill>
                  <a:schemeClr val="tx1"/>
                </a:solidFill>
              </a:rPr>
              <a:t>besmele</a:t>
            </a:r>
            <a:r>
              <a:rPr lang="tr-TR" sz="2800" dirty="0">
                <a:solidFill>
                  <a:schemeClr val="tx1"/>
                </a:solidFill>
              </a:rPr>
              <a:t> ile başlar ve uzunlukları birbirinden farklıdır.</a:t>
            </a:r>
          </a:p>
          <a:p>
            <a:pPr marL="342900" indent="-342900" algn="just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tr-TR" sz="2800" dirty="0">
                <a:solidFill>
                  <a:schemeClr val="tx1"/>
                </a:solidFill>
              </a:rPr>
              <a:t>Her surenin </a:t>
            </a:r>
            <a:r>
              <a:rPr lang="tr-TR" sz="2800" b="1" dirty="0">
                <a:solidFill>
                  <a:schemeClr val="tx1"/>
                </a:solidFill>
              </a:rPr>
              <a:t>özel bir ismi </a:t>
            </a:r>
            <a:r>
              <a:rPr lang="tr-TR" sz="2800" dirty="0">
                <a:solidFill>
                  <a:schemeClr val="tx1"/>
                </a:solidFill>
              </a:rPr>
              <a:t>vardı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621990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90625" y="136571"/>
            <a:ext cx="4352925" cy="6545216"/>
          </a:xfrm>
          <a:prstGeom prst="rect">
            <a:avLst/>
          </a:prstGeom>
        </p:spPr>
      </p:pic>
      <p:sp>
        <p:nvSpPr>
          <p:cNvPr id="5" name="Dikdörtgen 4"/>
          <p:cNvSpPr/>
          <p:nvPr/>
        </p:nvSpPr>
        <p:spPr>
          <a:xfrm>
            <a:off x="5791200" y="2095500"/>
            <a:ext cx="5886450" cy="2400300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>
            <a:solidFill>
              <a:schemeClr val="bg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Kur’an-ı Kerim’in son sayfası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744979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: Rounded Corners 13">
            <a:extLst>
              <a:ext uri="{FF2B5EF4-FFF2-40B4-BE49-F238E27FC236}">
                <a16:creationId xmlns:a16="http://schemas.microsoft.com/office/drawing/2014/main" id="{CE168C15-453F-4857-A408-E05E9D4320B8}"/>
              </a:ext>
            </a:extLst>
          </p:cNvPr>
          <p:cNvSpPr/>
          <p:nvPr/>
        </p:nvSpPr>
        <p:spPr>
          <a:xfrm>
            <a:off x="363394" y="1448459"/>
            <a:ext cx="2918436" cy="1911787"/>
          </a:xfrm>
          <a:prstGeom prst="roundRect">
            <a:avLst>
              <a:gd name="adj" fmla="val 8598"/>
            </a:avLst>
          </a:prstGeom>
          <a:solidFill>
            <a:schemeClr val="bg1">
              <a:lumMod val="8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13CC808F-14FC-4538-A3AB-C8098289F637}"/>
              </a:ext>
            </a:extLst>
          </p:cNvPr>
          <p:cNvSpPr/>
          <p:nvPr/>
        </p:nvSpPr>
        <p:spPr>
          <a:xfrm>
            <a:off x="194872" y="1701391"/>
            <a:ext cx="2999869" cy="1664757"/>
          </a:xfrm>
          <a:prstGeom prst="roundRect">
            <a:avLst>
              <a:gd name="adj" fmla="val 8598"/>
            </a:avLst>
          </a:prstGeom>
          <a:solidFill>
            <a:schemeClr val="bg1"/>
          </a:solidFill>
          <a:ln>
            <a:noFill/>
          </a:ln>
          <a:effectLst>
            <a:outerShdw blurRad="292100" dist="381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Freeform: Shape 8">
            <a:extLst>
              <a:ext uri="{FF2B5EF4-FFF2-40B4-BE49-F238E27FC236}">
                <a16:creationId xmlns:a16="http://schemas.microsoft.com/office/drawing/2014/main" id="{F3E73834-B82C-48FA-A0EF-E43060C4FD4C}"/>
              </a:ext>
            </a:extLst>
          </p:cNvPr>
          <p:cNvSpPr/>
          <p:nvPr/>
        </p:nvSpPr>
        <p:spPr>
          <a:xfrm>
            <a:off x="380075" y="3014717"/>
            <a:ext cx="2273661" cy="668019"/>
          </a:xfrm>
          <a:custGeom>
            <a:avLst/>
            <a:gdLst>
              <a:gd name="connsiteX0" fmla="*/ 0 w 9622301"/>
              <a:gd name="connsiteY0" fmla="*/ 0 h 674986"/>
              <a:gd name="connsiteX1" fmla="*/ 9622301 w 9622301"/>
              <a:gd name="connsiteY1" fmla="*/ 0 h 674986"/>
              <a:gd name="connsiteX2" fmla="*/ 9622301 w 9622301"/>
              <a:gd name="connsiteY2" fmla="*/ 400420 h 674986"/>
              <a:gd name="connsiteX3" fmla="*/ 9347735 w 9622301"/>
              <a:gd name="connsiteY3" fmla="*/ 674986 h 674986"/>
              <a:gd name="connsiteX4" fmla="*/ 274566 w 9622301"/>
              <a:gd name="connsiteY4" fmla="*/ 674986 h 674986"/>
              <a:gd name="connsiteX5" fmla="*/ 0 w 9622301"/>
              <a:gd name="connsiteY5" fmla="*/ 400420 h 67498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9622301" h="674986">
                <a:moveTo>
                  <a:pt x="0" y="0"/>
                </a:moveTo>
                <a:lnTo>
                  <a:pt x="9622301" y="0"/>
                </a:lnTo>
                <a:lnTo>
                  <a:pt x="9622301" y="400420"/>
                </a:lnTo>
                <a:cubicBezTo>
                  <a:pt x="9622301" y="552059"/>
                  <a:pt x="9499374" y="674986"/>
                  <a:pt x="9347735" y="674986"/>
                </a:cubicBezTo>
                <a:lnTo>
                  <a:pt x="274566" y="674986"/>
                </a:lnTo>
                <a:cubicBezTo>
                  <a:pt x="122927" y="674986"/>
                  <a:pt x="0" y="552059"/>
                  <a:pt x="0" y="400420"/>
                </a:cubicBezTo>
                <a:close/>
              </a:path>
            </a:pathLst>
          </a:custGeom>
          <a:solidFill>
            <a:schemeClr val="tx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Rectangle: Rounded Corners 5">
            <a:extLst>
              <a:ext uri="{FF2B5EF4-FFF2-40B4-BE49-F238E27FC236}">
                <a16:creationId xmlns:a16="http://schemas.microsoft.com/office/drawing/2014/main" id="{C446D991-79D6-4507-B497-0AB923C86982}"/>
              </a:ext>
            </a:extLst>
          </p:cNvPr>
          <p:cNvSpPr/>
          <p:nvPr/>
        </p:nvSpPr>
        <p:spPr>
          <a:xfrm>
            <a:off x="740999" y="3250892"/>
            <a:ext cx="1712685" cy="257629"/>
          </a:xfrm>
          <a:prstGeom prst="roundRect">
            <a:avLst>
              <a:gd name="adj" fmla="val 50000"/>
            </a:avLst>
          </a:prstGeom>
          <a:solidFill>
            <a:srgbClr val="DEDEDE"/>
          </a:solidFill>
          <a:ln>
            <a:noFill/>
          </a:ln>
          <a:effectLst>
            <a:innerShdw blurRad="25400" dist="50800" dir="16200000">
              <a:prstClr val="black">
                <a:alpha val="50000"/>
              </a:prst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8" name="Group 49">
            <a:extLst>
              <a:ext uri="{FF2B5EF4-FFF2-40B4-BE49-F238E27FC236}">
                <a16:creationId xmlns:a16="http://schemas.microsoft.com/office/drawing/2014/main" id="{825C870E-C569-4906-B51B-2033BC2011B2}"/>
              </a:ext>
            </a:extLst>
          </p:cNvPr>
          <p:cNvGrpSpPr/>
          <p:nvPr/>
        </p:nvGrpSpPr>
        <p:grpSpPr>
          <a:xfrm>
            <a:off x="186343" y="3153751"/>
            <a:ext cx="2673717" cy="2651587"/>
            <a:chOff x="1360311" y="3256604"/>
            <a:chExt cx="2673717" cy="2651587"/>
          </a:xfrm>
        </p:grpSpPr>
        <p:sp>
          <p:nvSpPr>
            <p:cNvPr id="9" name="Rectangle: Rounded Corners 14">
              <a:extLst>
                <a:ext uri="{FF2B5EF4-FFF2-40B4-BE49-F238E27FC236}">
                  <a16:creationId xmlns:a16="http://schemas.microsoft.com/office/drawing/2014/main" id="{DF4F2FD5-0E1A-4595-81B5-A4586D8377C3}"/>
                </a:ext>
              </a:extLst>
            </p:cNvPr>
            <p:cNvSpPr/>
            <p:nvPr/>
          </p:nvSpPr>
          <p:spPr>
            <a:xfrm>
              <a:off x="1360311" y="3645776"/>
              <a:ext cx="2673717" cy="2262415"/>
            </a:xfrm>
            <a:prstGeom prst="roundRect">
              <a:avLst>
                <a:gd name="adj" fmla="val 13667"/>
              </a:avLst>
            </a:prstGeom>
            <a:solidFill>
              <a:schemeClr val="tx1">
                <a:alpha val="21000"/>
              </a:schemeClr>
            </a:solidFill>
            <a:ln w="38100">
              <a:noFill/>
            </a:ln>
            <a:effectLst>
              <a:softEdge rad="342900"/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F00B24E9-F7FE-43B9-B222-3B5A6FCD94ED}"/>
                </a:ext>
              </a:extLst>
            </p:cNvPr>
            <p:cNvSpPr/>
            <p:nvPr/>
          </p:nvSpPr>
          <p:spPr>
            <a:xfrm>
              <a:off x="2252226" y="3263862"/>
              <a:ext cx="870857" cy="80013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1" name="Right Triangle 10">
              <a:extLst>
                <a:ext uri="{FF2B5EF4-FFF2-40B4-BE49-F238E27FC236}">
                  <a16:creationId xmlns:a16="http://schemas.microsoft.com/office/drawing/2014/main" id="{B472F985-0DDA-43D2-BA60-9A4591C81A8C}"/>
                </a:ext>
              </a:extLst>
            </p:cNvPr>
            <p:cNvSpPr/>
            <p:nvPr/>
          </p:nvSpPr>
          <p:spPr>
            <a:xfrm>
              <a:off x="3123083" y="3256604"/>
              <a:ext cx="140061" cy="344752"/>
            </a:xfrm>
            <a:prstGeom prst="rtTriangle">
              <a:avLst/>
            </a:prstGeom>
            <a:solidFill>
              <a:srgbClr val="C00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D2C1713E-E4CF-482E-AB10-16A999A845CE}"/>
                </a:ext>
              </a:extLst>
            </p:cNvPr>
            <p:cNvSpPr/>
            <p:nvPr/>
          </p:nvSpPr>
          <p:spPr>
            <a:xfrm>
              <a:off x="1793769" y="3976302"/>
              <a:ext cx="1816797" cy="1451430"/>
            </a:xfrm>
            <a:prstGeom prst="roundRect">
              <a:avLst>
                <a:gd name="adj" fmla="val 13667"/>
              </a:avLst>
            </a:prstGeom>
            <a:solidFill>
              <a:schemeClr val="bg1"/>
            </a:solidFill>
            <a:ln w="38100">
              <a:solidFill>
                <a:schemeClr val="accent4">
                  <a:lumMod val="60000"/>
                  <a:lumOff val="40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sp>
        <p:nvSpPr>
          <p:cNvPr id="13" name="TextBox 52">
            <a:extLst>
              <a:ext uri="{FF2B5EF4-FFF2-40B4-BE49-F238E27FC236}">
                <a16:creationId xmlns:a16="http://schemas.microsoft.com/office/drawing/2014/main" id="{F9C60AC4-357B-47B1-B464-2782A01B0470}"/>
              </a:ext>
            </a:extLst>
          </p:cNvPr>
          <p:cNvSpPr txBox="1"/>
          <p:nvPr/>
        </p:nvSpPr>
        <p:spPr>
          <a:xfrm>
            <a:off x="579174" y="4213580"/>
            <a:ext cx="18048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ea typeface="Adobe Gothic Std B" panose="020B0800000000000000" pitchFamily="34" charset="-128"/>
                <a:cs typeface="+mn-cs"/>
              </a:rPr>
              <a:t>Cüz</a:t>
            </a:r>
            <a:endParaRPr kumimoji="0" lang="en-US" sz="4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ea typeface="Adobe Gothic Std B" panose="020B0800000000000000" pitchFamily="34" charset="-128"/>
              <a:cs typeface="+mn-cs"/>
            </a:endParaRPr>
          </a:p>
        </p:txBody>
      </p:sp>
      <p:sp>
        <p:nvSpPr>
          <p:cNvPr id="14" name="Dikdörtgen 13"/>
          <p:cNvSpPr/>
          <p:nvPr/>
        </p:nvSpPr>
        <p:spPr>
          <a:xfrm>
            <a:off x="3463344" y="628232"/>
            <a:ext cx="8124053" cy="1575322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>
            <a:solidFill>
              <a:schemeClr val="bg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just">
              <a:buFont typeface="Wingdings" panose="05000000000000000000" pitchFamily="2" charset="2"/>
              <a:buChar char="Ø"/>
            </a:pPr>
            <a:r>
              <a:rPr lang="tr-TR" sz="3200" dirty="0">
                <a:solidFill>
                  <a:schemeClr val="tx1"/>
                </a:solidFill>
              </a:rPr>
              <a:t>Kur’an’ın </a:t>
            </a:r>
            <a:r>
              <a:rPr lang="tr-TR" sz="3200" b="1" dirty="0">
                <a:solidFill>
                  <a:schemeClr val="tx1"/>
                </a:solidFill>
              </a:rPr>
              <a:t>yirmi sayfalık </a:t>
            </a:r>
            <a:r>
              <a:rPr lang="tr-TR" sz="3200" dirty="0">
                <a:solidFill>
                  <a:schemeClr val="tx1"/>
                </a:solidFill>
              </a:rPr>
              <a:t>bölümlerinden her birine cüz denir.</a:t>
            </a:r>
          </a:p>
        </p:txBody>
      </p:sp>
      <p:sp>
        <p:nvSpPr>
          <p:cNvPr id="15" name="Dikdörtgen 14"/>
          <p:cNvSpPr/>
          <p:nvPr/>
        </p:nvSpPr>
        <p:spPr>
          <a:xfrm>
            <a:off x="3463343" y="3574183"/>
            <a:ext cx="8228985" cy="1690066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>
            <a:solidFill>
              <a:schemeClr val="bg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 algn="just">
              <a:buFont typeface="Wingdings" panose="05000000000000000000" pitchFamily="2" charset="2"/>
              <a:buChar char="Ø"/>
            </a:pPr>
            <a:r>
              <a:rPr lang="tr-TR" sz="3200" dirty="0">
                <a:solidFill>
                  <a:schemeClr val="tx1"/>
                </a:solidFill>
              </a:rPr>
              <a:t>Kur’an’da toplam </a:t>
            </a:r>
            <a:r>
              <a:rPr lang="tr-TR" sz="3200" b="1" dirty="0">
                <a:solidFill>
                  <a:schemeClr val="tx1"/>
                </a:solidFill>
              </a:rPr>
              <a:t>30 cüz </a:t>
            </a:r>
            <a:r>
              <a:rPr lang="tr-TR" sz="3200" dirty="0">
                <a:solidFill>
                  <a:schemeClr val="tx1"/>
                </a:solidFill>
              </a:rPr>
              <a:t>vardı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2169838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  <p:bldP spid="14" grpId="0" animBg="1"/>
      <p:bldP spid="15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04735" y="6332"/>
            <a:ext cx="11287593" cy="6851668"/>
          </a:xfrm>
          <a:prstGeom prst="rect">
            <a:avLst/>
          </a:prstGeom>
        </p:spPr>
      </p:pic>
      <p:sp>
        <p:nvSpPr>
          <p:cNvPr id="2" name="Dikdörtgen: Köşeleri Yuvarlatılmış 1">
            <a:hlinkClick r:id="rId5"/>
            <a:extLst>
              <a:ext uri="{FF2B5EF4-FFF2-40B4-BE49-F238E27FC236}">
                <a16:creationId xmlns:a16="http://schemas.microsoft.com/office/drawing/2014/main" id="{614D93A1-3FE5-D5EF-E2AE-5B3E0211DFAB}"/>
              </a:ext>
            </a:extLst>
          </p:cNvPr>
          <p:cNvSpPr/>
          <p:nvPr/>
        </p:nvSpPr>
        <p:spPr>
          <a:xfrm>
            <a:off x="160117" y="6037249"/>
            <a:ext cx="3277590" cy="625461"/>
          </a:xfrm>
          <a:prstGeom prst="roundRect">
            <a:avLst/>
          </a:prstGeom>
          <a:solidFill>
            <a:srgbClr val="FFFFCC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2800" dirty="0">
                <a:solidFill>
                  <a:schemeClr val="tx1"/>
                </a:solidFill>
              </a:rPr>
              <a:t>Etkinlik için tıklayınız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91499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ISPRING_INTERACTION_SHAPE0">
            <a:extLst>
              <a:ext uri="{FF2B5EF4-FFF2-40B4-BE49-F238E27FC236}">
                <a16:creationId xmlns:a16="http://schemas.microsoft.com/office/drawing/2014/main" id="{5E3C57F8-42C6-7520-2E49-07FA38C065EA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pic>
        <p:nvPicPr>
          <p:cNvPr id="6" name="ISPRING_INTERACTION_SHAPE1">
            <a:extLst>
              <a:ext uri="{FF2B5EF4-FFF2-40B4-BE49-F238E27FC236}">
                <a16:creationId xmlns:a16="http://schemas.microsoft.com/office/drawing/2014/main" id="{8B9C7989-3B95-7A6E-7965-A86CFDD0C060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7" name="ISPRING_INTERACTION_SHAPE2">
            <a:extLst>
              <a:ext uri="{FF2B5EF4-FFF2-40B4-BE49-F238E27FC236}">
                <a16:creationId xmlns:a16="http://schemas.microsoft.com/office/drawing/2014/main" id="{8233D790-FAD1-1CF0-B057-6437B8DDB6C3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tr-TR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Interaction</a:t>
            </a:r>
          </a:p>
        </p:txBody>
      </p:sp>
      <p:pic>
        <p:nvPicPr>
          <p:cNvPr id="9" name="ISPRING_INTERACTION_SHAPE3">
            <a:extLst>
              <a:ext uri="{FF2B5EF4-FFF2-40B4-BE49-F238E27FC236}">
                <a16:creationId xmlns:a16="http://schemas.microsoft.com/office/drawing/2014/main" id="{EEDF0D84-4A23-7771-60C9-5F77FB3684BA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839441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0" name="ISPRING_INTERACTION_SHAPE4">
            <a:extLst>
              <a:ext uri="{FF2B5EF4-FFF2-40B4-BE49-F238E27FC236}">
                <a16:creationId xmlns:a16="http://schemas.microsoft.com/office/drawing/2014/main" id="{1B67E1CD-AF06-624A-C954-CD8D5AC78E08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Interaction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tr-TR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30796865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oogle Shape;2282;p54"/>
          <p:cNvGrpSpPr/>
          <p:nvPr/>
        </p:nvGrpSpPr>
        <p:grpSpPr>
          <a:xfrm>
            <a:off x="5197396" y="1289616"/>
            <a:ext cx="6404053" cy="4634934"/>
            <a:chOff x="3578510" y="1419647"/>
            <a:chExt cx="4021500" cy="3062887"/>
          </a:xfrm>
        </p:grpSpPr>
        <p:sp>
          <p:nvSpPr>
            <p:cNvPr id="3" name="Google Shape;2283;p54"/>
            <p:cNvSpPr/>
            <p:nvPr/>
          </p:nvSpPr>
          <p:spPr>
            <a:xfrm>
              <a:off x="3716658" y="1548119"/>
              <a:ext cx="3748500" cy="228570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" name="Google Shape;2284;p54"/>
            <p:cNvSpPr/>
            <p:nvPr/>
          </p:nvSpPr>
          <p:spPr>
            <a:xfrm>
              <a:off x="3578510" y="1419647"/>
              <a:ext cx="4021500" cy="2544300"/>
            </a:xfrm>
            <a:prstGeom prst="roundRect">
              <a:avLst>
                <a:gd name="adj" fmla="val 3857"/>
              </a:avLst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5" name="Google Shape;2285;p54"/>
            <p:cNvSpPr/>
            <p:nvPr/>
          </p:nvSpPr>
          <p:spPr>
            <a:xfrm>
              <a:off x="4900908" y="3963886"/>
              <a:ext cx="1373274" cy="518648"/>
            </a:xfrm>
            <a:custGeom>
              <a:avLst/>
              <a:gdLst/>
              <a:ahLst/>
              <a:cxnLst/>
              <a:rect l="l" t="t" r="r" b="b"/>
              <a:pathLst>
                <a:path w="65999" h="24926" extrusionOk="0">
                  <a:moveTo>
                    <a:pt x="13372" y="0"/>
                  </a:moveTo>
                  <a:cubicBezTo>
                    <a:pt x="13051" y="1881"/>
                    <a:pt x="12653" y="8225"/>
                    <a:pt x="11445" y="11283"/>
                  </a:cubicBezTo>
                  <a:cubicBezTo>
                    <a:pt x="10237" y="14341"/>
                    <a:pt x="7883" y="16511"/>
                    <a:pt x="6125" y="18346"/>
                  </a:cubicBezTo>
                  <a:cubicBezTo>
                    <a:pt x="4367" y="20181"/>
                    <a:pt x="1875" y="21297"/>
                    <a:pt x="896" y="22291"/>
                  </a:cubicBezTo>
                  <a:cubicBezTo>
                    <a:pt x="-82" y="23285"/>
                    <a:pt x="-174" y="23896"/>
                    <a:pt x="254" y="24309"/>
                  </a:cubicBezTo>
                  <a:cubicBezTo>
                    <a:pt x="682" y="24722"/>
                    <a:pt x="805" y="24692"/>
                    <a:pt x="3465" y="24768"/>
                  </a:cubicBezTo>
                  <a:cubicBezTo>
                    <a:pt x="6125" y="24845"/>
                    <a:pt x="10925" y="24768"/>
                    <a:pt x="16215" y="24768"/>
                  </a:cubicBezTo>
                  <a:cubicBezTo>
                    <a:pt x="21505" y="24768"/>
                    <a:pt x="28630" y="24768"/>
                    <a:pt x="35204" y="24768"/>
                  </a:cubicBezTo>
                  <a:cubicBezTo>
                    <a:pt x="41778" y="24768"/>
                    <a:pt x="50783" y="24768"/>
                    <a:pt x="55660" y="24768"/>
                  </a:cubicBezTo>
                  <a:cubicBezTo>
                    <a:pt x="60537" y="24768"/>
                    <a:pt x="62754" y="25104"/>
                    <a:pt x="64466" y="24768"/>
                  </a:cubicBezTo>
                  <a:cubicBezTo>
                    <a:pt x="66178" y="24432"/>
                    <a:pt x="66056" y="23346"/>
                    <a:pt x="65934" y="22750"/>
                  </a:cubicBezTo>
                  <a:cubicBezTo>
                    <a:pt x="65812" y="22154"/>
                    <a:pt x="65353" y="22765"/>
                    <a:pt x="63732" y="21190"/>
                  </a:cubicBezTo>
                  <a:cubicBezTo>
                    <a:pt x="62111" y="19615"/>
                    <a:pt x="57999" y="16512"/>
                    <a:pt x="56210" y="13301"/>
                  </a:cubicBezTo>
                  <a:cubicBezTo>
                    <a:pt x="54421" y="10091"/>
                    <a:pt x="53505" y="4083"/>
                    <a:pt x="53000" y="1927"/>
                  </a:cubicBezTo>
                  <a:cubicBezTo>
                    <a:pt x="52496" y="-229"/>
                    <a:pt x="53153" y="627"/>
                    <a:pt x="53183" y="367"/>
                  </a:cubicBezTo>
                </a:path>
              </a:pathLst>
            </a:cu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  <p:txBody>
            <a:bodyPr/>
            <a:lstStyle/>
            <a:p>
              <a:endParaRPr lang="tr-TR"/>
            </a:p>
          </p:txBody>
        </p:sp>
        <p:cxnSp>
          <p:nvCxnSpPr>
            <p:cNvPr id="6" name="Google Shape;2286;p54"/>
            <p:cNvCxnSpPr/>
            <p:nvPr/>
          </p:nvCxnSpPr>
          <p:spPr>
            <a:xfrm>
              <a:off x="4915750" y="4433452"/>
              <a:ext cx="1353300" cy="0"/>
            </a:xfrm>
            <a:prstGeom prst="straightConnector1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grpSp>
        <p:nvGrpSpPr>
          <p:cNvPr id="8" name="Google Shape;2299;p54"/>
          <p:cNvGrpSpPr/>
          <p:nvPr/>
        </p:nvGrpSpPr>
        <p:grpSpPr>
          <a:xfrm>
            <a:off x="7086600" y="6095160"/>
            <a:ext cx="2358113" cy="362790"/>
            <a:chOff x="1816609" y="3851001"/>
            <a:chExt cx="1093674" cy="222193"/>
          </a:xfrm>
        </p:grpSpPr>
        <p:sp>
          <p:nvSpPr>
            <p:cNvPr id="9" name="Google Shape;2300;p54"/>
            <p:cNvSpPr/>
            <p:nvPr/>
          </p:nvSpPr>
          <p:spPr>
            <a:xfrm>
              <a:off x="1816609" y="3851001"/>
              <a:ext cx="1093674" cy="222193"/>
            </a:xfrm>
            <a:custGeom>
              <a:avLst/>
              <a:gdLst/>
              <a:ahLst/>
              <a:cxnLst/>
              <a:rect l="l" t="t" r="r" b="b"/>
              <a:pathLst>
                <a:path w="38900" h="7903" extrusionOk="0">
                  <a:moveTo>
                    <a:pt x="32154" y="852"/>
                  </a:moveTo>
                  <a:cubicBezTo>
                    <a:pt x="32029" y="852"/>
                    <a:pt x="31911" y="870"/>
                    <a:pt x="31815" y="910"/>
                  </a:cubicBezTo>
                  <a:cubicBezTo>
                    <a:pt x="30934" y="1259"/>
                    <a:pt x="30057" y="1619"/>
                    <a:pt x="29183" y="1986"/>
                  </a:cubicBezTo>
                  <a:cubicBezTo>
                    <a:pt x="30289" y="1683"/>
                    <a:pt x="31405" y="1423"/>
                    <a:pt x="32535" y="1209"/>
                  </a:cubicBezTo>
                  <a:cubicBezTo>
                    <a:pt x="32581" y="1198"/>
                    <a:pt x="32635" y="1195"/>
                    <a:pt x="32688" y="1195"/>
                  </a:cubicBezTo>
                  <a:cubicBezTo>
                    <a:pt x="32853" y="1195"/>
                    <a:pt x="33041" y="1234"/>
                    <a:pt x="33223" y="1298"/>
                  </a:cubicBezTo>
                  <a:cubicBezTo>
                    <a:pt x="32998" y="1017"/>
                    <a:pt x="32532" y="852"/>
                    <a:pt x="32154" y="852"/>
                  </a:cubicBezTo>
                  <a:close/>
                  <a:moveTo>
                    <a:pt x="36026" y="1808"/>
                  </a:moveTo>
                  <a:cubicBezTo>
                    <a:pt x="35323" y="1808"/>
                    <a:pt x="34635" y="1886"/>
                    <a:pt x="33969" y="2036"/>
                  </a:cubicBezTo>
                  <a:cubicBezTo>
                    <a:pt x="33969" y="2172"/>
                    <a:pt x="33908" y="2318"/>
                    <a:pt x="33758" y="2464"/>
                  </a:cubicBezTo>
                  <a:cubicBezTo>
                    <a:pt x="33648" y="2575"/>
                    <a:pt x="33541" y="2689"/>
                    <a:pt x="33441" y="2803"/>
                  </a:cubicBezTo>
                  <a:cubicBezTo>
                    <a:pt x="33530" y="2781"/>
                    <a:pt x="33619" y="2775"/>
                    <a:pt x="33712" y="2775"/>
                  </a:cubicBezTo>
                  <a:cubicBezTo>
                    <a:pt x="34364" y="2775"/>
                    <a:pt x="35031" y="3256"/>
                    <a:pt x="35052" y="3695"/>
                  </a:cubicBezTo>
                  <a:cubicBezTo>
                    <a:pt x="35341" y="3655"/>
                    <a:pt x="35634" y="3637"/>
                    <a:pt x="35926" y="3637"/>
                  </a:cubicBezTo>
                  <a:cubicBezTo>
                    <a:pt x="36290" y="3637"/>
                    <a:pt x="36657" y="3666"/>
                    <a:pt x="37028" y="3723"/>
                  </a:cubicBezTo>
                  <a:cubicBezTo>
                    <a:pt x="37099" y="3734"/>
                    <a:pt x="37170" y="3737"/>
                    <a:pt x="37234" y="3737"/>
                  </a:cubicBezTo>
                  <a:cubicBezTo>
                    <a:pt x="38415" y="3737"/>
                    <a:pt x="38900" y="2136"/>
                    <a:pt x="37502" y="1922"/>
                  </a:cubicBezTo>
                  <a:cubicBezTo>
                    <a:pt x="37007" y="1843"/>
                    <a:pt x="36511" y="1808"/>
                    <a:pt x="36026" y="1808"/>
                  </a:cubicBezTo>
                  <a:close/>
                  <a:moveTo>
                    <a:pt x="6480" y="3645"/>
                  </a:moveTo>
                  <a:lnTo>
                    <a:pt x="6480" y="3645"/>
                  </a:lnTo>
                  <a:cubicBezTo>
                    <a:pt x="6466" y="3652"/>
                    <a:pt x="6455" y="3655"/>
                    <a:pt x="6441" y="3659"/>
                  </a:cubicBezTo>
                  <a:cubicBezTo>
                    <a:pt x="6412" y="3723"/>
                    <a:pt x="6383" y="3787"/>
                    <a:pt x="6359" y="3851"/>
                  </a:cubicBezTo>
                  <a:cubicBezTo>
                    <a:pt x="6398" y="3784"/>
                    <a:pt x="6437" y="3713"/>
                    <a:pt x="6480" y="3645"/>
                  </a:cubicBezTo>
                  <a:close/>
                  <a:moveTo>
                    <a:pt x="21010" y="0"/>
                  </a:moveTo>
                  <a:cubicBezTo>
                    <a:pt x="20879" y="0"/>
                    <a:pt x="20747" y="18"/>
                    <a:pt x="20622" y="64"/>
                  </a:cubicBezTo>
                  <a:cubicBezTo>
                    <a:pt x="18436" y="831"/>
                    <a:pt x="16353" y="1801"/>
                    <a:pt x="14389" y="2977"/>
                  </a:cubicBezTo>
                  <a:cubicBezTo>
                    <a:pt x="14735" y="2475"/>
                    <a:pt x="15102" y="1990"/>
                    <a:pt x="15491" y="1512"/>
                  </a:cubicBezTo>
                  <a:cubicBezTo>
                    <a:pt x="16118" y="746"/>
                    <a:pt x="15117" y="289"/>
                    <a:pt x="14353" y="289"/>
                  </a:cubicBezTo>
                  <a:cubicBezTo>
                    <a:pt x="14154" y="289"/>
                    <a:pt x="13972" y="318"/>
                    <a:pt x="13836" y="385"/>
                  </a:cubicBezTo>
                  <a:cubicBezTo>
                    <a:pt x="12110" y="1244"/>
                    <a:pt x="10484" y="2261"/>
                    <a:pt x="8969" y="3431"/>
                  </a:cubicBezTo>
                  <a:cubicBezTo>
                    <a:pt x="9272" y="2842"/>
                    <a:pt x="9614" y="2268"/>
                    <a:pt x="9996" y="1708"/>
                  </a:cubicBezTo>
                  <a:cubicBezTo>
                    <a:pt x="10542" y="906"/>
                    <a:pt x="9646" y="471"/>
                    <a:pt x="8905" y="471"/>
                  </a:cubicBezTo>
                  <a:cubicBezTo>
                    <a:pt x="8694" y="471"/>
                    <a:pt x="8491" y="507"/>
                    <a:pt x="8341" y="581"/>
                  </a:cubicBezTo>
                  <a:cubicBezTo>
                    <a:pt x="5938" y="1741"/>
                    <a:pt x="3534" y="2903"/>
                    <a:pt x="1131" y="4062"/>
                  </a:cubicBezTo>
                  <a:cubicBezTo>
                    <a:pt x="1" y="4608"/>
                    <a:pt x="893" y="5670"/>
                    <a:pt x="1862" y="5670"/>
                  </a:cubicBezTo>
                  <a:cubicBezTo>
                    <a:pt x="2045" y="5670"/>
                    <a:pt x="2226" y="5635"/>
                    <a:pt x="2401" y="5549"/>
                  </a:cubicBezTo>
                  <a:cubicBezTo>
                    <a:pt x="3546" y="4996"/>
                    <a:pt x="4690" y="4443"/>
                    <a:pt x="5835" y="3891"/>
                  </a:cubicBezTo>
                  <a:lnTo>
                    <a:pt x="5835" y="3891"/>
                  </a:lnTo>
                  <a:cubicBezTo>
                    <a:pt x="5392" y="4055"/>
                    <a:pt x="4947" y="4211"/>
                    <a:pt x="4501" y="4361"/>
                  </a:cubicBezTo>
                  <a:cubicBezTo>
                    <a:pt x="4248" y="4447"/>
                    <a:pt x="3944" y="4508"/>
                    <a:pt x="3649" y="4508"/>
                  </a:cubicBezTo>
                  <a:cubicBezTo>
                    <a:pt x="3378" y="4508"/>
                    <a:pt x="3110" y="4458"/>
                    <a:pt x="2886" y="4336"/>
                  </a:cubicBezTo>
                  <a:cubicBezTo>
                    <a:pt x="2532" y="4144"/>
                    <a:pt x="2443" y="3773"/>
                    <a:pt x="2896" y="3619"/>
                  </a:cubicBezTo>
                  <a:cubicBezTo>
                    <a:pt x="4173" y="3191"/>
                    <a:pt x="5428" y="2707"/>
                    <a:pt x="6666" y="2164"/>
                  </a:cubicBezTo>
                  <a:cubicBezTo>
                    <a:pt x="6887" y="2069"/>
                    <a:pt x="7175" y="2015"/>
                    <a:pt x="7464" y="2015"/>
                  </a:cubicBezTo>
                  <a:cubicBezTo>
                    <a:pt x="7593" y="2015"/>
                    <a:pt x="7721" y="2026"/>
                    <a:pt x="7846" y="2047"/>
                  </a:cubicBezTo>
                  <a:cubicBezTo>
                    <a:pt x="8074" y="1901"/>
                    <a:pt x="8330" y="1794"/>
                    <a:pt x="8562" y="1794"/>
                  </a:cubicBezTo>
                  <a:cubicBezTo>
                    <a:pt x="8598" y="1794"/>
                    <a:pt x="8634" y="1797"/>
                    <a:pt x="8669" y="1805"/>
                  </a:cubicBezTo>
                  <a:cubicBezTo>
                    <a:pt x="9054" y="1865"/>
                    <a:pt x="9375" y="2079"/>
                    <a:pt x="9041" y="2490"/>
                  </a:cubicBezTo>
                  <a:cubicBezTo>
                    <a:pt x="8491" y="3153"/>
                    <a:pt x="8074" y="3841"/>
                    <a:pt x="7774" y="4600"/>
                  </a:cubicBezTo>
                  <a:cubicBezTo>
                    <a:pt x="9536" y="3398"/>
                    <a:pt x="11351" y="2283"/>
                    <a:pt x="13223" y="1256"/>
                  </a:cubicBezTo>
                  <a:cubicBezTo>
                    <a:pt x="13379" y="1170"/>
                    <a:pt x="13729" y="1091"/>
                    <a:pt x="14032" y="1091"/>
                  </a:cubicBezTo>
                  <a:cubicBezTo>
                    <a:pt x="14449" y="1091"/>
                    <a:pt x="14778" y="1238"/>
                    <a:pt x="14378" y="1701"/>
                  </a:cubicBezTo>
                  <a:cubicBezTo>
                    <a:pt x="13740" y="2447"/>
                    <a:pt x="13305" y="3220"/>
                    <a:pt x="13055" y="4116"/>
                  </a:cubicBezTo>
                  <a:cubicBezTo>
                    <a:pt x="14791" y="3156"/>
                    <a:pt x="16575" y="2111"/>
                    <a:pt x="18386" y="1494"/>
                  </a:cubicBezTo>
                  <a:cubicBezTo>
                    <a:pt x="18660" y="1402"/>
                    <a:pt x="18896" y="1359"/>
                    <a:pt x="19099" y="1359"/>
                  </a:cubicBezTo>
                  <a:cubicBezTo>
                    <a:pt x="20144" y="1359"/>
                    <a:pt x="20262" y="2514"/>
                    <a:pt x="20204" y="3630"/>
                  </a:cubicBezTo>
                  <a:cubicBezTo>
                    <a:pt x="21502" y="2892"/>
                    <a:pt x="22840" y="2229"/>
                    <a:pt x="24213" y="1634"/>
                  </a:cubicBezTo>
                  <a:cubicBezTo>
                    <a:pt x="24216" y="1630"/>
                    <a:pt x="24216" y="1623"/>
                    <a:pt x="24216" y="1619"/>
                  </a:cubicBezTo>
                  <a:cubicBezTo>
                    <a:pt x="24244" y="1109"/>
                    <a:pt x="24766" y="867"/>
                    <a:pt x="25304" y="867"/>
                  </a:cubicBezTo>
                  <a:cubicBezTo>
                    <a:pt x="25906" y="867"/>
                    <a:pt x="26530" y="1173"/>
                    <a:pt x="26499" y="1744"/>
                  </a:cubicBezTo>
                  <a:cubicBezTo>
                    <a:pt x="26477" y="2126"/>
                    <a:pt x="26438" y="2496"/>
                    <a:pt x="26384" y="2867"/>
                  </a:cubicBezTo>
                  <a:cubicBezTo>
                    <a:pt x="26591" y="2793"/>
                    <a:pt x="26798" y="2721"/>
                    <a:pt x="27004" y="2653"/>
                  </a:cubicBezTo>
                  <a:cubicBezTo>
                    <a:pt x="27236" y="2250"/>
                    <a:pt x="27483" y="1855"/>
                    <a:pt x="27743" y="1466"/>
                  </a:cubicBezTo>
                  <a:cubicBezTo>
                    <a:pt x="28220" y="746"/>
                    <a:pt x="27386" y="168"/>
                    <a:pt x="26695" y="168"/>
                  </a:cubicBezTo>
                  <a:cubicBezTo>
                    <a:pt x="26573" y="168"/>
                    <a:pt x="26459" y="186"/>
                    <a:pt x="26352" y="225"/>
                  </a:cubicBezTo>
                  <a:cubicBezTo>
                    <a:pt x="24637" y="842"/>
                    <a:pt x="23000" y="1591"/>
                    <a:pt x="21431" y="2468"/>
                  </a:cubicBezTo>
                  <a:cubicBezTo>
                    <a:pt x="21624" y="2079"/>
                    <a:pt x="21817" y="1690"/>
                    <a:pt x="22009" y="1305"/>
                  </a:cubicBezTo>
                  <a:cubicBezTo>
                    <a:pt x="22373" y="574"/>
                    <a:pt x="21702" y="0"/>
                    <a:pt x="21010" y="0"/>
                  </a:cubicBezTo>
                  <a:close/>
                  <a:moveTo>
                    <a:pt x="30485" y="3384"/>
                  </a:moveTo>
                  <a:cubicBezTo>
                    <a:pt x="28780" y="3837"/>
                    <a:pt x="27111" y="4407"/>
                    <a:pt x="25467" y="5085"/>
                  </a:cubicBezTo>
                  <a:cubicBezTo>
                    <a:pt x="25325" y="5146"/>
                    <a:pt x="25161" y="5174"/>
                    <a:pt x="24993" y="5174"/>
                  </a:cubicBezTo>
                  <a:cubicBezTo>
                    <a:pt x="24394" y="5174"/>
                    <a:pt x="23749" y="4817"/>
                    <a:pt x="23820" y="4208"/>
                  </a:cubicBezTo>
                  <a:lnTo>
                    <a:pt x="23820" y="4208"/>
                  </a:lnTo>
                  <a:cubicBezTo>
                    <a:pt x="23721" y="4437"/>
                    <a:pt x="23627" y="4668"/>
                    <a:pt x="23538" y="4903"/>
                  </a:cubicBezTo>
                  <a:cubicBezTo>
                    <a:pt x="23257" y="5627"/>
                    <a:pt x="24013" y="5920"/>
                    <a:pt x="24665" y="5920"/>
                  </a:cubicBezTo>
                  <a:cubicBezTo>
                    <a:pt x="24908" y="5920"/>
                    <a:pt x="25136" y="5880"/>
                    <a:pt x="25289" y="5806"/>
                  </a:cubicBezTo>
                  <a:cubicBezTo>
                    <a:pt x="26919" y="5021"/>
                    <a:pt x="28566" y="4276"/>
                    <a:pt x="30231" y="3570"/>
                  </a:cubicBezTo>
                  <a:lnTo>
                    <a:pt x="30231" y="3570"/>
                  </a:lnTo>
                  <a:cubicBezTo>
                    <a:pt x="30131" y="3805"/>
                    <a:pt x="30032" y="4040"/>
                    <a:pt x="29932" y="4276"/>
                  </a:cubicBezTo>
                  <a:cubicBezTo>
                    <a:pt x="29632" y="4985"/>
                    <a:pt x="30292" y="5260"/>
                    <a:pt x="30952" y="5260"/>
                  </a:cubicBezTo>
                  <a:cubicBezTo>
                    <a:pt x="31323" y="5260"/>
                    <a:pt x="31697" y="5171"/>
                    <a:pt x="31893" y="5024"/>
                  </a:cubicBezTo>
                  <a:lnTo>
                    <a:pt x="31893" y="5024"/>
                  </a:lnTo>
                  <a:cubicBezTo>
                    <a:pt x="31869" y="5036"/>
                    <a:pt x="31843" y="5042"/>
                    <a:pt x="31818" y="5049"/>
                  </a:cubicBezTo>
                  <a:cubicBezTo>
                    <a:pt x="31701" y="5082"/>
                    <a:pt x="31558" y="5100"/>
                    <a:pt x="31401" y="5100"/>
                  </a:cubicBezTo>
                  <a:cubicBezTo>
                    <a:pt x="30745" y="5100"/>
                    <a:pt x="29904" y="4786"/>
                    <a:pt x="30192" y="4044"/>
                  </a:cubicBezTo>
                  <a:cubicBezTo>
                    <a:pt x="30281" y="3816"/>
                    <a:pt x="30378" y="3594"/>
                    <a:pt x="30485" y="3384"/>
                  </a:cubicBezTo>
                  <a:close/>
                  <a:moveTo>
                    <a:pt x="24084" y="2903"/>
                  </a:moveTo>
                  <a:lnTo>
                    <a:pt x="24084" y="2903"/>
                  </a:lnTo>
                  <a:cubicBezTo>
                    <a:pt x="22447" y="3627"/>
                    <a:pt x="20875" y="4468"/>
                    <a:pt x="19353" y="5421"/>
                  </a:cubicBezTo>
                  <a:cubicBezTo>
                    <a:pt x="19242" y="5492"/>
                    <a:pt x="18785" y="5663"/>
                    <a:pt x="18443" y="5663"/>
                  </a:cubicBezTo>
                  <a:cubicBezTo>
                    <a:pt x="18208" y="5663"/>
                    <a:pt x="18026" y="5581"/>
                    <a:pt x="18051" y="5331"/>
                  </a:cubicBezTo>
                  <a:cubicBezTo>
                    <a:pt x="18065" y="5167"/>
                    <a:pt x="18122" y="4697"/>
                    <a:pt x="18150" y="4205"/>
                  </a:cubicBezTo>
                  <a:lnTo>
                    <a:pt x="18150" y="4205"/>
                  </a:lnTo>
                  <a:cubicBezTo>
                    <a:pt x="18037" y="4432"/>
                    <a:pt x="17926" y="4661"/>
                    <a:pt x="17812" y="4889"/>
                  </a:cubicBezTo>
                  <a:cubicBezTo>
                    <a:pt x="17398" y="5720"/>
                    <a:pt x="18073" y="6119"/>
                    <a:pt x="18779" y="6119"/>
                  </a:cubicBezTo>
                  <a:cubicBezTo>
                    <a:pt x="19110" y="6119"/>
                    <a:pt x="19445" y="6033"/>
                    <a:pt x="19684" y="5859"/>
                  </a:cubicBezTo>
                  <a:cubicBezTo>
                    <a:pt x="21057" y="4853"/>
                    <a:pt x="22511" y="3976"/>
                    <a:pt x="24030" y="3231"/>
                  </a:cubicBezTo>
                  <a:cubicBezTo>
                    <a:pt x="24048" y="3120"/>
                    <a:pt x="24066" y="3010"/>
                    <a:pt x="24084" y="2903"/>
                  </a:cubicBezTo>
                  <a:close/>
                  <a:moveTo>
                    <a:pt x="17987" y="2828"/>
                  </a:moveTo>
                  <a:cubicBezTo>
                    <a:pt x="17915" y="2828"/>
                    <a:pt x="16671" y="3559"/>
                    <a:pt x="16503" y="3645"/>
                  </a:cubicBezTo>
                  <a:cubicBezTo>
                    <a:pt x="15031" y="4389"/>
                    <a:pt x="13562" y="5131"/>
                    <a:pt x="12089" y="5877"/>
                  </a:cubicBezTo>
                  <a:cubicBezTo>
                    <a:pt x="11993" y="5926"/>
                    <a:pt x="11504" y="6112"/>
                    <a:pt x="11151" y="6112"/>
                  </a:cubicBezTo>
                  <a:cubicBezTo>
                    <a:pt x="10923" y="6112"/>
                    <a:pt x="10756" y="6033"/>
                    <a:pt x="10791" y="5784"/>
                  </a:cubicBezTo>
                  <a:cubicBezTo>
                    <a:pt x="10902" y="4988"/>
                    <a:pt x="11116" y="4251"/>
                    <a:pt x="11433" y="3563"/>
                  </a:cubicBezTo>
                  <a:lnTo>
                    <a:pt x="11433" y="3563"/>
                  </a:lnTo>
                  <a:cubicBezTo>
                    <a:pt x="9867" y="4514"/>
                    <a:pt x="8348" y="5534"/>
                    <a:pt x="6869" y="6622"/>
                  </a:cubicBezTo>
                  <a:cubicBezTo>
                    <a:pt x="6762" y="6700"/>
                    <a:pt x="6052" y="7021"/>
                    <a:pt x="5624" y="7021"/>
                  </a:cubicBezTo>
                  <a:cubicBezTo>
                    <a:pt x="5521" y="7021"/>
                    <a:pt x="5435" y="7004"/>
                    <a:pt x="5378" y="6957"/>
                  </a:cubicBezTo>
                  <a:lnTo>
                    <a:pt x="5378" y="6957"/>
                  </a:lnTo>
                  <a:cubicBezTo>
                    <a:pt x="5321" y="7570"/>
                    <a:pt x="5917" y="7902"/>
                    <a:pt x="6505" y="7902"/>
                  </a:cubicBezTo>
                  <a:cubicBezTo>
                    <a:pt x="6833" y="7902"/>
                    <a:pt x="7161" y="7795"/>
                    <a:pt x="7368" y="7577"/>
                  </a:cubicBezTo>
                  <a:cubicBezTo>
                    <a:pt x="8527" y="6365"/>
                    <a:pt x="9768" y="5274"/>
                    <a:pt x="11101" y="4300"/>
                  </a:cubicBezTo>
                  <a:lnTo>
                    <a:pt x="11101" y="4300"/>
                  </a:lnTo>
                  <a:cubicBezTo>
                    <a:pt x="10795" y="4886"/>
                    <a:pt x="10513" y="5481"/>
                    <a:pt x="10249" y="6098"/>
                  </a:cubicBezTo>
                  <a:cubicBezTo>
                    <a:pt x="9946" y="6804"/>
                    <a:pt x="10616" y="7085"/>
                    <a:pt x="11276" y="7085"/>
                  </a:cubicBezTo>
                  <a:cubicBezTo>
                    <a:pt x="11654" y="7085"/>
                    <a:pt x="12028" y="6996"/>
                    <a:pt x="12221" y="6840"/>
                  </a:cubicBezTo>
                  <a:cubicBezTo>
                    <a:pt x="14050" y="5374"/>
                    <a:pt x="16029" y="4126"/>
                    <a:pt x="18126" y="3113"/>
                  </a:cubicBezTo>
                  <a:cubicBezTo>
                    <a:pt x="18097" y="2971"/>
                    <a:pt x="18055" y="2867"/>
                    <a:pt x="17987" y="2828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0" name="Google Shape;2301;p54"/>
            <p:cNvSpPr/>
            <p:nvPr/>
          </p:nvSpPr>
          <p:spPr>
            <a:xfrm>
              <a:off x="1980627" y="3951650"/>
              <a:ext cx="18078" cy="8744"/>
            </a:xfrm>
            <a:custGeom>
              <a:avLst/>
              <a:gdLst/>
              <a:ahLst/>
              <a:cxnLst/>
              <a:rect l="l" t="t" r="r" b="b"/>
              <a:pathLst>
                <a:path w="643" h="311" extrusionOk="0">
                  <a:moveTo>
                    <a:pt x="643" y="1"/>
                  </a:moveTo>
                  <a:lnTo>
                    <a:pt x="643" y="1"/>
                  </a:lnTo>
                  <a:cubicBezTo>
                    <a:pt x="429" y="103"/>
                    <a:pt x="215" y="207"/>
                    <a:pt x="1" y="311"/>
                  </a:cubicBezTo>
                  <a:cubicBezTo>
                    <a:pt x="204" y="236"/>
                    <a:pt x="404" y="157"/>
                    <a:pt x="607" y="79"/>
                  </a:cubicBezTo>
                  <a:cubicBezTo>
                    <a:pt x="618" y="54"/>
                    <a:pt x="632" y="26"/>
                    <a:pt x="643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1" name="Google Shape;2302;p54"/>
            <p:cNvSpPr/>
            <p:nvPr/>
          </p:nvSpPr>
          <p:spPr>
            <a:xfrm>
              <a:off x="1885292" y="3907623"/>
              <a:ext cx="151905" cy="70119"/>
            </a:xfrm>
            <a:custGeom>
              <a:avLst/>
              <a:gdLst/>
              <a:ahLst/>
              <a:cxnLst/>
              <a:rect l="l" t="t" r="r" b="b"/>
              <a:pathLst>
                <a:path w="5403" h="2494" extrusionOk="0">
                  <a:moveTo>
                    <a:pt x="5021" y="1"/>
                  </a:moveTo>
                  <a:cubicBezTo>
                    <a:pt x="4732" y="1"/>
                    <a:pt x="4444" y="55"/>
                    <a:pt x="4223" y="150"/>
                  </a:cubicBezTo>
                  <a:cubicBezTo>
                    <a:pt x="2985" y="693"/>
                    <a:pt x="1730" y="1177"/>
                    <a:pt x="453" y="1605"/>
                  </a:cubicBezTo>
                  <a:cubicBezTo>
                    <a:pt x="0" y="1759"/>
                    <a:pt x="89" y="2130"/>
                    <a:pt x="443" y="2322"/>
                  </a:cubicBezTo>
                  <a:cubicBezTo>
                    <a:pt x="667" y="2444"/>
                    <a:pt x="935" y="2494"/>
                    <a:pt x="1206" y="2494"/>
                  </a:cubicBezTo>
                  <a:cubicBezTo>
                    <a:pt x="1501" y="2494"/>
                    <a:pt x="1805" y="2433"/>
                    <a:pt x="2058" y="2347"/>
                  </a:cubicBezTo>
                  <a:cubicBezTo>
                    <a:pt x="2504" y="2197"/>
                    <a:pt x="2949" y="2041"/>
                    <a:pt x="3392" y="1877"/>
                  </a:cubicBezTo>
                  <a:cubicBezTo>
                    <a:pt x="3606" y="1773"/>
                    <a:pt x="3820" y="1669"/>
                    <a:pt x="4034" y="1567"/>
                  </a:cubicBezTo>
                  <a:lnTo>
                    <a:pt x="4034" y="1567"/>
                  </a:lnTo>
                  <a:cubicBezTo>
                    <a:pt x="4023" y="1592"/>
                    <a:pt x="4009" y="1620"/>
                    <a:pt x="3998" y="1645"/>
                  </a:cubicBezTo>
                  <a:cubicBezTo>
                    <a:pt x="4012" y="1641"/>
                    <a:pt x="4023" y="1638"/>
                    <a:pt x="4037" y="1631"/>
                  </a:cubicBezTo>
                  <a:cubicBezTo>
                    <a:pt x="4261" y="1260"/>
                    <a:pt x="4518" y="903"/>
                    <a:pt x="4804" y="553"/>
                  </a:cubicBezTo>
                  <a:cubicBezTo>
                    <a:pt x="4939" y="390"/>
                    <a:pt x="5156" y="190"/>
                    <a:pt x="5403" y="33"/>
                  </a:cubicBezTo>
                  <a:cubicBezTo>
                    <a:pt x="5278" y="12"/>
                    <a:pt x="5150" y="1"/>
                    <a:pt x="5021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2" name="Google Shape;2303;p54"/>
            <p:cNvSpPr/>
            <p:nvPr/>
          </p:nvSpPr>
          <p:spPr>
            <a:xfrm>
              <a:off x="1965080" y="3928906"/>
              <a:ext cx="381802" cy="117689"/>
            </a:xfrm>
            <a:custGeom>
              <a:avLst/>
              <a:gdLst/>
              <a:ahLst/>
              <a:cxnLst/>
              <a:rect l="l" t="t" r="r" b="b"/>
              <a:pathLst>
                <a:path w="13580" h="4186" extrusionOk="0">
                  <a:moveTo>
                    <a:pt x="13580" y="0"/>
                  </a:moveTo>
                  <a:lnTo>
                    <a:pt x="13580" y="0"/>
                  </a:lnTo>
                  <a:cubicBezTo>
                    <a:pt x="13333" y="111"/>
                    <a:pt x="13091" y="224"/>
                    <a:pt x="12845" y="342"/>
                  </a:cubicBezTo>
                  <a:cubicBezTo>
                    <a:pt x="12898" y="613"/>
                    <a:pt x="12895" y="1031"/>
                    <a:pt x="12869" y="1434"/>
                  </a:cubicBezTo>
                  <a:cubicBezTo>
                    <a:pt x="13109" y="955"/>
                    <a:pt x="13344" y="478"/>
                    <a:pt x="13580" y="0"/>
                  </a:cubicBezTo>
                  <a:close/>
                  <a:moveTo>
                    <a:pt x="1078" y="1080"/>
                  </a:moveTo>
                  <a:lnTo>
                    <a:pt x="1078" y="1080"/>
                  </a:lnTo>
                  <a:cubicBezTo>
                    <a:pt x="579" y="1954"/>
                    <a:pt x="236" y="2892"/>
                    <a:pt x="29" y="3922"/>
                  </a:cubicBezTo>
                  <a:cubicBezTo>
                    <a:pt x="1" y="4051"/>
                    <a:pt x="29" y="4136"/>
                    <a:pt x="97" y="4186"/>
                  </a:cubicBezTo>
                  <a:cubicBezTo>
                    <a:pt x="101" y="4147"/>
                    <a:pt x="108" y="4108"/>
                    <a:pt x="115" y="4065"/>
                  </a:cubicBezTo>
                  <a:cubicBezTo>
                    <a:pt x="347" y="3030"/>
                    <a:pt x="668" y="2036"/>
                    <a:pt x="1078" y="108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3" name="Google Shape;2304;p54"/>
            <p:cNvSpPr/>
            <p:nvPr/>
          </p:nvSpPr>
          <p:spPr>
            <a:xfrm>
              <a:off x="1967779" y="3881674"/>
              <a:ext cx="529574" cy="166722"/>
            </a:xfrm>
            <a:custGeom>
              <a:avLst/>
              <a:gdLst/>
              <a:ahLst/>
              <a:cxnLst/>
              <a:rect l="l" t="t" r="r" b="b"/>
              <a:pathLst>
                <a:path w="18836" h="5930" extrusionOk="0">
                  <a:moveTo>
                    <a:pt x="8655" y="0"/>
                  </a:moveTo>
                  <a:cubicBezTo>
                    <a:pt x="8352" y="0"/>
                    <a:pt x="8002" y="79"/>
                    <a:pt x="7846" y="165"/>
                  </a:cubicBezTo>
                  <a:cubicBezTo>
                    <a:pt x="5974" y="1192"/>
                    <a:pt x="4159" y="2307"/>
                    <a:pt x="2397" y="3509"/>
                  </a:cubicBezTo>
                  <a:cubicBezTo>
                    <a:pt x="2697" y="2750"/>
                    <a:pt x="3114" y="2062"/>
                    <a:pt x="3664" y="1399"/>
                  </a:cubicBezTo>
                  <a:cubicBezTo>
                    <a:pt x="3998" y="988"/>
                    <a:pt x="3677" y="774"/>
                    <a:pt x="3292" y="714"/>
                  </a:cubicBezTo>
                  <a:cubicBezTo>
                    <a:pt x="3257" y="706"/>
                    <a:pt x="3221" y="703"/>
                    <a:pt x="3185" y="703"/>
                  </a:cubicBezTo>
                  <a:cubicBezTo>
                    <a:pt x="2953" y="703"/>
                    <a:pt x="2697" y="810"/>
                    <a:pt x="2469" y="956"/>
                  </a:cubicBezTo>
                  <a:cubicBezTo>
                    <a:pt x="2629" y="984"/>
                    <a:pt x="2779" y="1031"/>
                    <a:pt x="2904" y="1103"/>
                  </a:cubicBezTo>
                  <a:cubicBezTo>
                    <a:pt x="3285" y="1305"/>
                    <a:pt x="3317" y="1630"/>
                    <a:pt x="2893" y="1815"/>
                  </a:cubicBezTo>
                  <a:cubicBezTo>
                    <a:pt x="2301" y="2076"/>
                    <a:pt x="1706" y="2322"/>
                    <a:pt x="1103" y="2554"/>
                  </a:cubicBezTo>
                  <a:cubicBezTo>
                    <a:pt x="1060" y="2622"/>
                    <a:pt x="1021" y="2693"/>
                    <a:pt x="982" y="2760"/>
                  </a:cubicBezTo>
                  <a:cubicBezTo>
                    <a:pt x="572" y="3716"/>
                    <a:pt x="251" y="4710"/>
                    <a:pt x="19" y="5745"/>
                  </a:cubicBezTo>
                  <a:cubicBezTo>
                    <a:pt x="12" y="5788"/>
                    <a:pt x="5" y="5827"/>
                    <a:pt x="1" y="5866"/>
                  </a:cubicBezTo>
                  <a:cubicBezTo>
                    <a:pt x="58" y="5913"/>
                    <a:pt x="144" y="5930"/>
                    <a:pt x="247" y="5930"/>
                  </a:cubicBezTo>
                  <a:cubicBezTo>
                    <a:pt x="675" y="5930"/>
                    <a:pt x="1385" y="5609"/>
                    <a:pt x="1492" y="5531"/>
                  </a:cubicBezTo>
                  <a:cubicBezTo>
                    <a:pt x="2971" y="4443"/>
                    <a:pt x="4490" y="3423"/>
                    <a:pt x="6056" y="2472"/>
                  </a:cubicBezTo>
                  <a:lnTo>
                    <a:pt x="6056" y="2472"/>
                  </a:lnTo>
                  <a:cubicBezTo>
                    <a:pt x="5739" y="3160"/>
                    <a:pt x="5525" y="3897"/>
                    <a:pt x="5414" y="4693"/>
                  </a:cubicBezTo>
                  <a:cubicBezTo>
                    <a:pt x="5379" y="4942"/>
                    <a:pt x="5546" y="5021"/>
                    <a:pt x="5774" y="5021"/>
                  </a:cubicBezTo>
                  <a:cubicBezTo>
                    <a:pt x="6127" y="5021"/>
                    <a:pt x="6616" y="4835"/>
                    <a:pt x="6712" y="4786"/>
                  </a:cubicBezTo>
                  <a:cubicBezTo>
                    <a:pt x="8185" y="4040"/>
                    <a:pt x="9654" y="3298"/>
                    <a:pt x="11126" y="2554"/>
                  </a:cubicBezTo>
                  <a:cubicBezTo>
                    <a:pt x="11294" y="2468"/>
                    <a:pt x="12538" y="1737"/>
                    <a:pt x="12610" y="1737"/>
                  </a:cubicBezTo>
                  <a:cubicBezTo>
                    <a:pt x="12678" y="1776"/>
                    <a:pt x="12720" y="1880"/>
                    <a:pt x="12749" y="2022"/>
                  </a:cubicBezTo>
                  <a:cubicBezTo>
                    <a:pt x="12995" y="1904"/>
                    <a:pt x="13237" y="1791"/>
                    <a:pt x="13484" y="1680"/>
                  </a:cubicBezTo>
                  <a:lnTo>
                    <a:pt x="13484" y="1680"/>
                  </a:lnTo>
                  <a:cubicBezTo>
                    <a:pt x="13248" y="2158"/>
                    <a:pt x="13013" y="2635"/>
                    <a:pt x="12773" y="3114"/>
                  </a:cubicBezTo>
                  <a:cubicBezTo>
                    <a:pt x="12745" y="3606"/>
                    <a:pt x="12688" y="4076"/>
                    <a:pt x="12674" y="4240"/>
                  </a:cubicBezTo>
                  <a:cubicBezTo>
                    <a:pt x="12649" y="4490"/>
                    <a:pt x="12831" y="4572"/>
                    <a:pt x="13066" y="4572"/>
                  </a:cubicBezTo>
                  <a:cubicBezTo>
                    <a:pt x="13408" y="4572"/>
                    <a:pt x="13865" y="4401"/>
                    <a:pt x="13976" y="4330"/>
                  </a:cubicBezTo>
                  <a:cubicBezTo>
                    <a:pt x="15498" y="3377"/>
                    <a:pt x="17070" y="2536"/>
                    <a:pt x="18707" y="1812"/>
                  </a:cubicBezTo>
                  <a:cubicBezTo>
                    <a:pt x="18772" y="1391"/>
                    <a:pt x="18811" y="974"/>
                    <a:pt x="18836" y="543"/>
                  </a:cubicBezTo>
                  <a:lnTo>
                    <a:pt x="18836" y="543"/>
                  </a:lnTo>
                  <a:cubicBezTo>
                    <a:pt x="17463" y="1138"/>
                    <a:pt x="16125" y="1801"/>
                    <a:pt x="14827" y="2539"/>
                  </a:cubicBezTo>
                  <a:cubicBezTo>
                    <a:pt x="14885" y="1423"/>
                    <a:pt x="14767" y="268"/>
                    <a:pt x="13722" y="268"/>
                  </a:cubicBezTo>
                  <a:cubicBezTo>
                    <a:pt x="13519" y="268"/>
                    <a:pt x="13283" y="311"/>
                    <a:pt x="13009" y="403"/>
                  </a:cubicBezTo>
                  <a:cubicBezTo>
                    <a:pt x="11198" y="1020"/>
                    <a:pt x="9414" y="2065"/>
                    <a:pt x="7678" y="3025"/>
                  </a:cubicBezTo>
                  <a:cubicBezTo>
                    <a:pt x="7928" y="2129"/>
                    <a:pt x="8363" y="1356"/>
                    <a:pt x="9001" y="610"/>
                  </a:cubicBezTo>
                  <a:cubicBezTo>
                    <a:pt x="9401" y="147"/>
                    <a:pt x="9072" y="0"/>
                    <a:pt x="8655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4" name="Google Shape;2305;p54"/>
            <p:cNvSpPr/>
            <p:nvPr/>
          </p:nvSpPr>
          <p:spPr>
            <a:xfrm>
              <a:off x="1998789" y="3908551"/>
              <a:ext cx="62247" cy="44928"/>
            </a:xfrm>
            <a:custGeom>
              <a:avLst/>
              <a:gdLst/>
              <a:ahLst/>
              <a:cxnLst/>
              <a:rect l="l" t="t" r="r" b="b"/>
              <a:pathLst>
                <a:path w="2214" h="1598" extrusionOk="0">
                  <a:moveTo>
                    <a:pt x="1366" y="0"/>
                  </a:moveTo>
                  <a:cubicBezTo>
                    <a:pt x="1119" y="157"/>
                    <a:pt x="902" y="357"/>
                    <a:pt x="767" y="520"/>
                  </a:cubicBezTo>
                  <a:cubicBezTo>
                    <a:pt x="481" y="870"/>
                    <a:pt x="224" y="1227"/>
                    <a:pt x="0" y="1598"/>
                  </a:cubicBezTo>
                  <a:cubicBezTo>
                    <a:pt x="603" y="1366"/>
                    <a:pt x="1198" y="1120"/>
                    <a:pt x="1790" y="859"/>
                  </a:cubicBezTo>
                  <a:cubicBezTo>
                    <a:pt x="2214" y="674"/>
                    <a:pt x="2182" y="349"/>
                    <a:pt x="1801" y="147"/>
                  </a:cubicBezTo>
                  <a:cubicBezTo>
                    <a:pt x="1676" y="75"/>
                    <a:pt x="1526" y="28"/>
                    <a:pt x="136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5" name="Google Shape;2306;p54"/>
            <p:cNvSpPr/>
            <p:nvPr/>
          </p:nvSpPr>
          <p:spPr>
            <a:xfrm>
              <a:off x="2486262" y="3887494"/>
              <a:ext cx="316153" cy="104785"/>
            </a:xfrm>
            <a:custGeom>
              <a:avLst/>
              <a:gdLst/>
              <a:ahLst/>
              <a:cxnLst/>
              <a:rect l="l" t="t" r="r" b="b"/>
              <a:pathLst>
                <a:path w="11245" h="3727" extrusionOk="0">
                  <a:moveTo>
                    <a:pt x="9404" y="0"/>
                  </a:moveTo>
                  <a:cubicBezTo>
                    <a:pt x="9536" y="172"/>
                    <a:pt x="9586" y="382"/>
                    <a:pt x="9483" y="624"/>
                  </a:cubicBezTo>
                  <a:cubicBezTo>
                    <a:pt x="9436" y="738"/>
                    <a:pt x="9386" y="853"/>
                    <a:pt x="9340" y="963"/>
                  </a:cubicBezTo>
                  <a:cubicBezTo>
                    <a:pt x="9604" y="878"/>
                    <a:pt x="9875" y="802"/>
                    <a:pt x="10150" y="738"/>
                  </a:cubicBezTo>
                  <a:cubicBezTo>
                    <a:pt x="10150" y="417"/>
                    <a:pt x="9793" y="143"/>
                    <a:pt x="9404" y="0"/>
                  </a:cubicBezTo>
                  <a:close/>
                  <a:moveTo>
                    <a:pt x="5364" y="688"/>
                  </a:moveTo>
                  <a:lnTo>
                    <a:pt x="5364" y="688"/>
                  </a:lnTo>
                  <a:cubicBezTo>
                    <a:pt x="4633" y="892"/>
                    <a:pt x="3906" y="1113"/>
                    <a:pt x="3185" y="1355"/>
                  </a:cubicBezTo>
                  <a:cubicBezTo>
                    <a:pt x="3111" y="1480"/>
                    <a:pt x="3043" y="1608"/>
                    <a:pt x="2971" y="1733"/>
                  </a:cubicBezTo>
                  <a:cubicBezTo>
                    <a:pt x="3766" y="1376"/>
                    <a:pt x="4562" y="1031"/>
                    <a:pt x="5364" y="688"/>
                  </a:cubicBezTo>
                  <a:close/>
                  <a:moveTo>
                    <a:pt x="511" y="1786"/>
                  </a:moveTo>
                  <a:cubicBezTo>
                    <a:pt x="412" y="1837"/>
                    <a:pt x="312" y="1883"/>
                    <a:pt x="211" y="1933"/>
                  </a:cubicBezTo>
                  <a:cubicBezTo>
                    <a:pt x="162" y="2219"/>
                    <a:pt x="98" y="2500"/>
                    <a:pt x="22" y="2785"/>
                  </a:cubicBezTo>
                  <a:cubicBezTo>
                    <a:pt x="12" y="2828"/>
                    <a:pt x="5" y="2871"/>
                    <a:pt x="1" y="2910"/>
                  </a:cubicBezTo>
                  <a:cubicBezTo>
                    <a:pt x="162" y="2528"/>
                    <a:pt x="333" y="2158"/>
                    <a:pt x="511" y="1786"/>
                  </a:cubicBezTo>
                  <a:close/>
                  <a:moveTo>
                    <a:pt x="11233" y="2397"/>
                  </a:moveTo>
                  <a:lnTo>
                    <a:pt x="11233" y="2397"/>
                  </a:lnTo>
                  <a:cubicBezTo>
                    <a:pt x="10103" y="2543"/>
                    <a:pt x="9034" y="2984"/>
                    <a:pt x="8085" y="3720"/>
                  </a:cubicBezTo>
                  <a:cubicBezTo>
                    <a:pt x="8082" y="3722"/>
                    <a:pt x="8080" y="3724"/>
                    <a:pt x="8078" y="3725"/>
                  </a:cubicBezTo>
                  <a:lnTo>
                    <a:pt x="8078" y="3725"/>
                  </a:lnTo>
                  <a:cubicBezTo>
                    <a:pt x="8929" y="3476"/>
                    <a:pt x="9779" y="3227"/>
                    <a:pt x="10634" y="2978"/>
                  </a:cubicBezTo>
                  <a:cubicBezTo>
                    <a:pt x="11076" y="2846"/>
                    <a:pt x="11244" y="2628"/>
                    <a:pt x="11233" y="2397"/>
                  </a:cubicBezTo>
                  <a:close/>
                  <a:moveTo>
                    <a:pt x="8078" y="3725"/>
                  </a:moveTo>
                  <a:cubicBezTo>
                    <a:pt x="8077" y="3726"/>
                    <a:pt x="8076" y="3726"/>
                    <a:pt x="8074" y="3726"/>
                  </a:cubicBezTo>
                  <a:cubicBezTo>
                    <a:pt x="8076" y="3726"/>
                    <a:pt x="8077" y="3726"/>
                    <a:pt x="8078" y="3725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6" name="Google Shape;2307;p54"/>
            <p:cNvSpPr/>
            <p:nvPr/>
          </p:nvSpPr>
          <p:spPr>
            <a:xfrm>
              <a:off x="2484266" y="3875376"/>
              <a:ext cx="317840" cy="121119"/>
            </a:xfrm>
            <a:custGeom>
              <a:avLst/>
              <a:gdLst/>
              <a:ahLst/>
              <a:cxnLst/>
              <a:rect l="l" t="t" r="r" b="b"/>
              <a:pathLst>
                <a:path w="11305" h="4308" extrusionOk="0">
                  <a:moveTo>
                    <a:pt x="1556" y="0"/>
                  </a:moveTo>
                  <a:cubicBezTo>
                    <a:pt x="1018" y="0"/>
                    <a:pt x="496" y="242"/>
                    <a:pt x="468" y="752"/>
                  </a:cubicBezTo>
                  <a:cubicBezTo>
                    <a:pt x="468" y="756"/>
                    <a:pt x="468" y="763"/>
                    <a:pt x="465" y="767"/>
                  </a:cubicBezTo>
                  <a:cubicBezTo>
                    <a:pt x="707" y="660"/>
                    <a:pt x="953" y="560"/>
                    <a:pt x="1196" y="456"/>
                  </a:cubicBezTo>
                  <a:cubicBezTo>
                    <a:pt x="1438" y="356"/>
                    <a:pt x="1623" y="313"/>
                    <a:pt x="1762" y="313"/>
                  </a:cubicBezTo>
                  <a:cubicBezTo>
                    <a:pt x="2447" y="313"/>
                    <a:pt x="1969" y="1348"/>
                    <a:pt x="1163" y="1679"/>
                  </a:cubicBezTo>
                  <a:cubicBezTo>
                    <a:pt x="885" y="1794"/>
                    <a:pt x="611" y="1914"/>
                    <a:pt x="336" y="2036"/>
                  </a:cubicBezTo>
                  <a:cubicBezTo>
                    <a:pt x="318" y="2143"/>
                    <a:pt x="300" y="2253"/>
                    <a:pt x="282" y="2364"/>
                  </a:cubicBezTo>
                  <a:cubicBezTo>
                    <a:pt x="383" y="2314"/>
                    <a:pt x="483" y="2268"/>
                    <a:pt x="582" y="2217"/>
                  </a:cubicBezTo>
                  <a:lnTo>
                    <a:pt x="582" y="2217"/>
                  </a:lnTo>
                  <a:cubicBezTo>
                    <a:pt x="404" y="2589"/>
                    <a:pt x="233" y="2959"/>
                    <a:pt x="72" y="3341"/>
                  </a:cubicBezTo>
                  <a:cubicBezTo>
                    <a:pt x="1" y="3950"/>
                    <a:pt x="646" y="4307"/>
                    <a:pt x="1245" y="4307"/>
                  </a:cubicBezTo>
                  <a:cubicBezTo>
                    <a:pt x="1413" y="4307"/>
                    <a:pt x="1577" y="4279"/>
                    <a:pt x="1719" y="4218"/>
                  </a:cubicBezTo>
                  <a:cubicBezTo>
                    <a:pt x="3363" y="3540"/>
                    <a:pt x="5032" y="2970"/>
                    <a:pt x="6737" y="2517"/>
                  </a:cubicBezTo>
                  <a:lnTo>
                    <a:pt x="6737" y="2517"/>
                  </a:lnTo>
                  <a:cubicBezTo>
                    <a:pt x="6630" y="2727"/>
                    <a:pt x="6533" y="2949"/>
                    <a:pt x="6444" y="3177"/>
                  </a:cubicBezTo>
                  <a:cubicBezTo>
                    <a:pt x="6156" y="3919"/>
                    <a:pt x="6997" y="4233"/>
                    <a:pt x="7653" y="4233"/>
                  </a:cubicBezTo>
                  <a:cubicBezTo>
                    <a:pt x="7810" y="4233"/>
                    <a:pt x="7953" y="4215"/>
                    <a:pt x="8070" y="4182"/>
                  </a:cubicBezTo>
                  <a:cubicBezTo>
                    <a:pt x="8095" y="4175"/>
                    <a:pt x="8121" y="4169"/>
                    <a:pt x="8145" y="4157"/>
                  </a:cubicBezTo>
                  <a:cubicBezTo>
                    <a:pt x="8149" y="4157"/>
                    <a:pt x="8152" y="4154"/>
                    <a:pt x="8156" y="4151"/>
                  </a:cubicBezTo>
                  <a:cubicBezTo>
                    <a:pt x="9105" y="3415"/>
                    <a:pt x="10174" y="2974"/>
                    <a:pt x="11304" y="2828"/>
                  </a:cubicBezTo>
                  <a:cubicBezTo>
                    <a:pt x="11283" y="2389"/>
                    <a:pt x="10616" y="1908"/>
                    <a:pt x="9964" y="1908"/>
                  </a:cubicBezTo>
                  <a:cubicBezTo>
                    <a:pt x="9871" y="1908"/>
                    <a:pt x="9782" y="1914"/>
                    <a:pt x="9693" y="1936"/>
                  </a:cubicBezTo>
                  <a:cubicBezTo>
                    <a:pt x="9793" y="1822"/>
                    <a:pt x="9900" y="1708"/>
                    <a:pt x="10010" y="1597"/>
                  </a:cubicBezTo>
                  <a:cubicBezTo>
                    <a:pt x="10160" y="1451"/>
                    <a:pt x="10221" y="1305"/>
                    <a:pt x="10221" y="1169"/>
                  </a:cubicBezTo>
                  <a:lnTo>
                    <a:pt x="10221" y="1169"/>
                  </a:lnTo>
                  <a:cubicBezTo>
                    <a:pt x="9946" y="1233"/>
                    <a:pt x="9675" y="1309"/>
                    <a:pt x="9411" y="1394"/>
                  </a:cubicBezTo>
                  <a:cubicBezTo>
                    <a:pt x="9457" y="1284"/>
                    <a:pt x="9507" y="1169"/>
                    <a:pt x="9554" y="1055"/>
                  </a:cubicBezTo>
                  <a:cubicBezTo>
                    <a:pt x="9657" y="813"/>
                    <a:pt x="9607" y="603"/>
                    <a:pt x="9475" y="431"/>
                  </a:cubicBezTo>
                  <a:cubicBezTo>
                    <a:pt x="9293" y="367"/>
                    <a:pt x="9105" y="328"/>
                    <a:pt x="8940" y="328"/>
                  </a:cubicBezTo>
                  <a:cubicBezTo>
                    <a:pt x="8887" y="328"/>
                    <a:pt x="8833" y="331"/>
                    <a:pt x="8787" y="342"/>
                  </a:cubicBezTo>
                  <a:cubicBezTo>
                    <a:pt x="7657" y="556"/>
                    <a:pt x="6541" y="816"/>
                    <a:pt x="5435" y="1119"/>
                  </a:cubicBezTo>
                  <a:cubicBezTo>
                    <a:pt x="4633" y="1462"/>
                    <a:pt x="3837" y="1807"/>
                    <a:pt x="3042" y="2164"/>
                  </a:cubicBezTo>
                  <a:cubicBezTo>
                    <a:pt x="3114" y="2039"/>
                    <a:pt x="3182" y="1911"/>
                    <a:pt x="3256" y="1786"/>
                  </a:cubicBezTo>
                  <a:lnTo>
                    <a:pt x="3256" y="1786"/>
                  </a:lnTo>
                  <a:cubicBezTo>
                    <a:pt x="3050" y="1854"/>
                    <a:pt x="2843" y="1926"/>
                    <a:pt x="2636" y="2000"/>
                  </a:cubicBezTo>
                  <a:cubicBezTo>
                    <a:pt x="2690" y="1629"/>
                    <a:pt x="2729" y="1259"/>
                    <a:pt x="2751" y="877"/>
                  </a:cubicBezTo>
                  <a:cubicBezTo>
                    <a:pt x="2782" y="306"/>
                    <a:pt x="2158" y="0"/>
                    <a:pt x="155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7" name="Google Shape;2308;p54"/>
            <p:cNvSpPr/>
            <p:nvPr/>
          </p:nvSpPr>
          <p:spPr>
            <a:xfrm>
              <a:off x="2493712" y="3884176"/>
              <a:ext cx="59351" cy="48442"/>
            </a:xfrm>
            <a:custGeom>
              <a:avLst/>
              <a:gdLst/>
              <a:ahLst/>
              <a:cxnLst/>
              <a:rect l="l" t="t" r="r" b="b"/>
              <a:pathLst>
                <a:path w="2111" h="1723" extrusionOk="0">
                  <a:moveTo>
                    <a:pt x="1426" y="0"/>
                  </a:moveTo>
                  <a:cubicBezTo>
                    <a:pt x="1287" y="0"/>
                    <a:pt x="1102" y="43"/>
                    <a:pt x="860" y="143"/>
                  </a:cubicBezTo>
                  <a:cubicBezTo>
                    <a:pt x="617" y="247"/>
                    <a:pt x="371" y="347"/>
                    <a:pt x="129" y="454"/>
                  </a:cubicBezTo>
                  <a:cubicBezTo>
                    <a:pt x="104" y="885"/>
                    <a:pt x="65" y="1302"/>
                    <a:pt x="0" y="1723"/>
                  </a:cubicBezTo>
                  <a:cubicBezTo>
                    <a:pt x="275" y="1601"/>
                    <a:pt x="549" y="1481"/>
                    <a:pt x="827" y="1366"/>
                  </a:cubicBezTo>
                  <a:cubicBezTo>
                    <a:pt x="1633" y="1035"/>
                    <a:pt x="2111" y="0"/>
                    <a:pt x="142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  <p:sp>
        <p:nvSpPr>
          <p:cNvPr id="18" name="Google Shape;1050;p35"/>
          <p:cNvSpPr txBox="1">
            <a:spLocks/>
          </p:cNvSpPr>
          <p:nvPr/>
        </p:nvSpPr>
        <p:spPr>
          <a:xfrm>
            <a:off x="762000" y="3027022"/>
            <a:ext cx="4195067" cy="105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Comfortaa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/>
                <a:sym typeface="Comfortaa"/>
              </a:rPr>
              <a:t>Etkinlik yapıyoruz</a:t>
            </a:r>
          </a:p>
        </p:txBody>
      </p:sp>
      <p:sp>
        <p:nvSpPr>
          <p:cNvPr id="19" name="Google Shape;1051;p35"/>
          <p:cNvSpPr/>
          <p:nvPr/>
        </p:nvSpPr>
        <p:spPr>
          <a:xfrm>
            <a:off x="804681" y="4216977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0" name="Google Shape;1052;p35"/>
          <p:cNvSpPr/>
          <p:nvPr/>
        </p:nvSpPr>
        <p:spPr>
          <a:xfrm>
            <a:off x="721554" y="2564572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grpSp>
        <p:nvGrpSpPr>
          <p:cNvPr id="22" name="Grup 21"/>
          <p:cNvGrpSpPr/>
          <p:nvPr/>
        </p:nvGrpSpPr>
        <p:grpSpPr>
          <a:xfrm>
            <a:off x="5410200" y="1466850"/>
            <a:ext cx="5943600" cy="3448050"/>
            <a:chOff x="5410200" y="1466850"/>
            <a:chExt cx="5943600" cy="3448050"/>
          </a:xfrm>
        </p:grpSpPr>
        <p:pic>
          <p:nvPicPr>
            <p:cNvPr id="7" name="Google Shape;2287;p54"/>
            <p:cNvPicPr preferRelativeResize="0"/>
            <p:nvPr/>
          </p:nvPicPr>
          <p:blipFill rotWithShape="1">
            <a:blip r:embed="rId4">
              <a:alphaModFix/>
            </a:blip>
            <a:srcRect l="4395" r="4404"/>
            <a:stretch/>
          </p:blipFill>
          <p:spPr>
            <a:xfrm>
              <a:off x="5410200" y="1466850"/>
              <a:ext cx="5943600" cy="344805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</p:pic>
        <p:sp>
          <p:nvSpPr>
            <p:cNvPr id="21" name="Yuvarlatılmış Dikdörtgen 20">
              <a:hlinkClick r:id="" action="ppaction://hlinkshowjump?jump=nextslide"/>
            </p:cNvPr>
            <p:cNvSpPr/>
            <p:nvPr/>
          </p:nvSpPr>
          <p:spPr>
            <a:xfrm>
              <a:off x="6385809" y="2383436"/>
              <a:ext cx="3972393" cy="1617064"/>
            </a:xfrm>
            <a:prstGeom prst="roundRect">
              <a:avLst>
                <a:gd name="adj" fmla="val 44477"/>
              </a:avLst>
            </a:prstGeom>
            <a:solidFill>
              <a:srgbClr val="F3F3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+mn-ea"/>
                  <a:cs typeface="+mn-cs"/>
                </a:rPr>
                <a:t>Etkinlik için tıklayınız</a:t>
              </a:r>
            </a:p>
          </p:txBody>
        </p:sp>
      </p:grpSp>
      <p:sp>
        <p:nvSpPr>
          <p:cNvPr id="23" name="Dikdörtgen 22"/>
          <p:cNvSpPr/>
          <p:nvPr/>
        </p:nvSpPr>
        <p:spPr>
          <a:xfrm>
            <a:off x="2350731" y="6084516"/>
            <a:ext cx="305731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  <a:hlinkClick r:id="rId5"/>
              </a:rPr>
              <a:t>www.dindersimateryal.com</a:t>
            </a: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</a:rPr>
              <a:t> 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85620551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Resim 2">
            <a:extLst>
              <a:ext uri="{FF2B5EF4-FFF2-40B4-BE49-F238E27FC236}">
                <a16:creationId xmlns:a16="http://schemas.microsoft.com/office/drawing/2014/main" id="{0CF31E38-3B6B-A031-49BC-26D5692D0249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5395073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Resim 1"/>
          <p:cNvPicPr>
            <a:picLocks noChangeAspect="1"/>
          </p:cNvPicPr>
          <p:nvPr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7846" b="89913" l="4000" r="95250"/>
                    </a14:imgEffect>
                  </a14:imgLayer>
                </a14:imgProps>
              </a:ext>
            </a:extLst>
          </a:blip>
          <a:srcRect t="8757" r="3833" b="8937"/>
          <a:stretch/>
        </p:blipFill>
        <p:spPr>
          <a:xfrm rot="783708">
            <a:off x="-585472" y="355718"/>
            <a:ext cx="5885567" cy="3212541"/>
          </a:xfrm>
          <a:prstGeom prst="rect">
            <a:avLst/>
          </a:prstGeom>
        </p:spPr>
      </p:pic>
      <p:sp>
        <p:nvSpPr>
          <p:cNvPr id="3" name="Dikdörtgen 2"/>
          <p:cNvSpPr/>
          <p:nvPr/>
        </p:nvSpPr>
        <p:spPr>
          <a:xfrm>
            <a:off x="4999513" y="512619"/>
            <a:ext cx="6970816" cy="5935682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chemeClr val="bg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>
              <a:lnSpc>
                <a:spcPct val="150000"/>
              </a:lnSpc>
            </a:pPr>
            <a:r>
              <a:rPr lang="tr-TR" sz="3200" dirty="0">
                <a:solidFill>
                  <a:schemeClr val="tx1"/>
                </a:solidFill>
              </a:rPr>
              <a:t>Allah (</a:t>
            </a:r>
            <a:r>
              <a:rPr lang="tr-TR" sz="3200" dirty="0" err="1">
                <a:solidFill>
                  <a:schemeClr val="tx1"/>
                </a:solidFill>
              </a:rPr>
              <a:t>c.c</a:t>
            </a:r>
            <a:r>
              <a:rPr lang="tr-TR" sz="3200" dirty="0">
                <a:solidFill>
                  <a:schemeClr val="tx1"/>
                </a:solidFill>
              </a:rPr>
              <a:t>.), insanları doğru yola yöneltmek ve onlara bilmediklerini öğretmek için ilahi kitaplar göndermiştir. Allah (</a:t>
            </a:r>
            <a:r>
              <a:rPr lang="tr-TR" sz="3200" dirty="0" err="1">
                <a:solidFill>
                  <a:schemeClr val="tx1"/>
                </a:solidFill>
              </a:rPr>
              <a:t>c.c</a:t>
            </a:r>
            <a:r>
              <a:rPr lang="tr-TR" sz="3200" dirty="0">
                <a:solidFill>
                  <a:schemeClr val="tx1"/>
                </a:solidFill>
              </a:rPr>
              <a:t>.) tarafından </a:t>
            </a:r>
            <a:r>
              <a:rPr lang="tr-TR" sz="3200" b="1" dirty="0">
                <a:solidFill>
                  <a:schemeClr val="tx1"/>
                </a:solidFill>
              </a:rPr>
              <a:t>Hz. Muhammed’e (s.a.v.) </a:t>
            </a:r>
            <a:r>
              <a:rPr lang="tr-TR" sz="3200" dirty="0">
                <a:solidFill>
                  <a:schemeClr val="tx1"/>
                </a:solidFill>
              </a:rPr>
              <a:t>gönderilen son ilahi kitap Kur’an-ı Kerim’dir. Kur’an-ı Kerim baştan sona </a:t>
            </a:r>
            <a:r>
              <a:rPr lang="tr-TR" sz="3200" b="1" dirty="0">
                <a:solidFill>
                  <a:schemeClr val="tx1"/>
                </a:solidFill>
              </a:rPr>
              <a:t>Yüce Allah’ın sözüdür.</a:t>
            </a:r>
          </a:p>
        </p:txBody>
      </p:sp>
      <p:pic>
        <p:nvPicPr>
          <p:cNvPr id="1028" name="Picture 4" descr="quran and kids ile ilgili görsel sonucu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9634" y="3624443"/>
            <a:ext cx="2992257" cy="29922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366542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10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Dikdörtgen 51"/>
          <p:cNvSpPr/>
          <p:nvPr/>
        </p:nvSpPr>
        <p:spPr>
          <a:xfrm>
            <a:off x="218970" y="3941123"/>
            <a:ext cx="795184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3" name="Dikdörtgen 52"/>
          <p:cNvSpPr/>
          <p:nvPr/>
        </p:nvSpPr>
        <p:spPr>
          <a:xfrm>
            <a:off x="218970" y="4814087"/>
            <a:ext cx="793750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4" name="Dikdörtgen 53"/>
          <p:cNvSpPr/>
          <p:nvPr/>
        </p:nvSpPr>
        <p:spPr>
          <a:xfrm>
            <a:off x="218970" y="3145554"/>
            <a:ext cx="793750" cy="625478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5" name="Dikdörtgen 54"/>
          <p:cNvSpPr/>
          <p:nvPr/>
        </p:nvSpPr>
        <p:spPr>
          <a:xfrm>
            <a:off x="218970" y="5663545"/>
            <a:ext cx="793750" cy="632812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44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86463" y="90155"/>
            <a:ext cx="12019073" cy="2827019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solidFill>
              <a:srgbClr val="13487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lvl="0" algn="just">
              <a:defRPr/>
            </a:pPr>
            <a:r>
              <a:rPr lang="tr-TR" sz="3600" b="1" dirty="0">
                <a:solidFill>
                  <a:prstClr val="black"/>
                </a:solidFill>
              </a:rPr>
              <a:t>1. Kur’an-ı Kerim ile ilgili aşağıdaki cümlelerden hangisi </a:t>
            </a:r>
            <a:r>
              <a:rPr lang="tr-TR" sz="3600" b="1" u="sng" dirty="0">
                <a:solidFill>
                  <a:prstClr val="black"/>
                </a:solidFill>
              </a:rPr>
              <a:t>yanlıştır?</a:t>
            </a:r>
            <a:endParaRPr lang="tr-TR" sz="4000" b="1" u="sng" dirty="0">
              <a:solidFill>
                <a:prstClr val="black"/>
              </a:solidFill>
            </a:endParaRPr>
          </a:p>
        </p:txBody>
      </p:sp>
      <p:sp>
        <p:nvSpPr>
          <p:cNvPr id="26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6496544"/>
            <a:ext cx="12192000" cy="38837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7" name="Komut Düğmesi: Geri veya Önceki 26">
            <a:hlinkClick r:id="" action="ppaction://hlinkshowjump?jump=previousslide" highlightClick="1"/>
          </p:cNvPr>
          <p:cNvSpPr/>
          <p:nvPr/>
        </p:nvSpPr>
        <p:spPr>
          <a:xfrm>
            <a:off x="10619874" y="6496544"/>
            <a:ext cx="437317" cy="361456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8" name="Komut Düğmesi: İleri veya Sonraki 27">
            <a:hlinkClick r:id="" action="ppaction://hlinkshowjump?jump=nextslide" highlightClick="1"/>
          </p:cNvPr>
          <p:cNvSpPr/>
          <p:nvPr/>
        </p:nvSpPr>
        <p:spPr>
          <a:xfrm>
            <a:off x="11743376" y="6496544"/>
            <a:ext cx="412785" cy="372343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9" name="Komut Düğmesi: Giriş 28">
            <a:hlinkClick r:id="" action="ppaction://hlinkshowjump?jump=firstslide" highlightClick="1"/>
          </p:cNvPr>
          <p:cNvSpPr/>
          <p:nvPr/>
        </p:nvSpPr>
        <p:spPr>
          <a:xfrm>
            <a:off x="11137184" y="6496544"/>
            <a:ext cx="526199" cy="372343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4" name="Doğru"/>
          <p:cNvGrpSpPr/>
          <p:nvPr/>
        </p:nvGrpSpPr>
        <p:grpSpPr>
          <a:xfrm>
            <a:off x="1012721" y="5696310"/>
            <a:ext cx="11092815" cy="550609"/>
            <a:chOff x="1012721" y="3155986"/>
            <a:chExt cx="11092815" cy="550609"/>
          </a:xfrm>
        </p:grpSpPr>
        <p:sp>
          <p:nvSpPr>
            <p:cNvPr id="2" name="Yuvarlatılmış Dikdörtgen 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tr-TR" sz="3200" dirty="0">
                  <a:solidFill>
                    <a:prstClr val="black"/>
                  </a:solidFill>
                  <a:latin typeface="Calibri" panose="020F0502020204030204"/>
                </a:rPr>
                <a:t>İlk inen ayetleri Fatiha suresidir.</a:t>
              </a:r>
              <a:endPara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" name="İkizkenar Üçgen 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134871"/>
            </a:solidFill>
            <a:ln>
              <a:solidFill>
                <a:srgbClr val="134871"/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D</a:t>
              </a:r>
            </a:p>
          </p:txBody>
        </p:sp>
      </p:grpSp>
      <p:grpSp>
        <p:nvGrpSpPr>
          <p:cNvPr id="38" name="B"/>
          <p:cNvGrpSpPr/>
          <p:nvPr/>
        </p:nvGrpSpPr>
        <p:grpSpPr>
          <a:xfrm>
            <a:off x="1012720" y="3999413"/>
            <a:ext cx="11092816" cy="550610"/>
            <a:chOff x="1012720" y="3155986"/>
            <a:chExt cx="11092816" cy="550610"/>
          </a:xfrm>
        </p:grpSpPr>
        <p:sp>
          <p:nvSpPr>
            <p:cNvPr id="39" name="Yuvarlatılmış Dikdörtgen 38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144 sureden oluşmaktadır.</a:t>
              </a:r>
            </a:p>
          </p:txBody>
        </p:sp>
        <p:sp>
          <p:nvSpPr>
            <p:cNvPr id="40" name="İkizkenar Üçgen 39"/>
            <p:cNvSpPr/>
            <p:nvPr/>
          </p:nvSpPr>
          <p:spPr>
            <a:xfrm rot="5400000">
              <a:off x="1170034" y="2998672"/>
              <a:ext cx="550610" cy="865237"/>
            </a:xfrm>
            <a:prstGeom prst="triangle">
              <a:avLst>
                <a:gd name="adj" fmla="val 48215"/>
              </a:avLst>
            </a:prstGeom>
            <a:solidFill>
              <a:srgbClr val="C00000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B</a:t>
              </a:r>
            </a:p>
          </p:txBody>
        </p:sp>
      </p:grpSp>
      <p:grpSp>
        <p:nvGrpSpPr>
          <p:cNvPr id="41" name="C"/>
          <p:cNvGrpSpPr/>
          <p:nvPr/>
        </p:nvGrpSpPr>
        <p:grpSpPr>
          <a:xfrm>
            <a:off x="1012721" y="4842840"/>
            <a:ext cx="11092815" cy="550609"/>
            <a:chOff x="1012721" y="3155986"/>
            <a:chExt cx="11092815" cy="550609"/>
          </a:xfrm>
        </p:grpSpPr>
        <p:sp>
          <p:nvSpPr>
            <p:cNvPr id="42" name="Yuvarlatılmış Dikdörtgen 4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Son ilahi kitaptır.</a:t>
              </a:r>
            </a:p>
          </p:txBody>
        </p:sp>
        <p:sp>
          <p:nvSpPr>
            <p:cNvPr id="43" name="İkizkenar Üçgen 4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00B050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C</a:t>
              </a:r>
            </a:p>
          </p:txBody>
        </p:sp>
      </p:grpSp>
      <p:grpSp>
        <p:nvGrpSpPr>
          <p:cNvPr id="44" name="D"/>
          <p:cNvGrpSpPr/>
          <p:nvPr/>
        </p:nvGrpSpPr>
        <p:grpSpPr>
          <a:xfrm>
            <a:off x="1012721" y="3199566"/>
            <a:ext cx="11092815" cy="550609"/>
            <a:chOff x="1012721" y="3155986"/>
            <a:chExt cx="11092815" cy="550609"/>
          </a:xfrm>
        </p:grpSpPr>
        <p:sp>
          <p:nvSpPr>
            <p:cNvPr id="45" name="Yuvarlatılmış Dikdörtgen 44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tr-TR" sz="3200" dirty="0">
                  <a:solidFill>
                    <a:prstClr val="black"/>
                  </a:solidFill>
                  <a:latin typeface="Calibri" panose="020F0502020204030204"/>
                </a:rPr>
                <a:t>Kur’an-ı Kerim’in Arapça olarak indirilmiştir.</a:t>
              </a:r>
              <a:endPara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46" name="İkizkenar Üçgen 45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5D98CE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839892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nimClr clrSpc="rgb" dir="cw"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c</p:attrName>
                                        </p:attrNameLst>
                                      </p:cBhvr>
                                      <p:to>
                                        <a:srgbClr val="009900"/>
                                      </p:to>
                                    </p:animClr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(online-audio-converter.com)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9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4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1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8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4"/>
                  </p:tgtEl>
                </p:cond>
              </p:nextCondLst>
            </p:seq>
          </p:childTnLst>
        </p:cTn>
      </p:par>
    </p:tnLst>
    <p:bldLst>
      <p:bldP spid="52" grpId="0" animBg="1"/>
      <p:bldP spid="53" grpId="0" animBg="1"/>
      <p:bldP spid="54" grpId="0" animBg="1"/>
      <p:bldP spid="55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Dikdörtgen 51"/>
          <p:cNvSpPr/>
          <p:nvPr/>
        </p:nvSpPr>
        <p:spPr>
          <a:xfrm>
            <a:off x="218970" y="3941123"/>
            <a:ext cx="795184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3" name="Dikdörtgen 52"/>
          <p:cNvSpPr/>
          <p:nvPr/>
        </p:nvSpPr>
        <p:spPr>
          <a:xfrm>
            <a:off x="218970" y="4814087"/>
            <a:ext cx="793750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4" name="Dikdörtgen 53"/>
          <p:cNvSpPr/>
          <p:nvPr/>
        </p:nvSpPr>
        <p:spPr>
          <a:xfrm>
            <a:off x="218970" y="5632255"/>
            <a:ext cx="793750" cy="625478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5" name="Dikdörtgen 54"/>
          <p:cNvSpPr/>
          <p:nvPr/>
        </p:nvSpPr>
        <p:spPr>
          <a:xfrm>
            <a:off x="218970" y="3123221"/>
            <a:ext cx="793750" cy="632812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44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86463" y="139699"/>
            <a:ext cx="12019073" cy="2777475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solidFill>
              <a:srgbClr val="13487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just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tr-TR" sz="2800" b="1" dirty="0">
                <a:solidFill>
                  <a:prstClr val="black"/>
                </a:solidFill>
                <a:latin typeface="Calibri" panose="020F0502020204030204"/>
              </a:rPr>
              <a:t>I. </a:t>
            </a:r>
            <a:r>
              <a:rPr lang="tr-TR" sz="2800" dirty="0">
                <a:solidFill>
                  <a:prstClr val="black"/>
                </a:solidFill>
                <a:latin typeface="Calibri" panose="020F0502020204030204"/>
              </a:rPr>
              <a:t>Kur’an-ı Kerim her cümlesi</a:t>
            </a:r>
          </a:p>
          <a:p>
            <a:pPr lvl="0" algn="just"/>
            <a:r>
              <a:rPr kumimoji="0" lang="tr-TR" sz="2800" b="1" i="0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II</a:t>
            </a:r>
            <a:r>
              <a:rPr kumimoji="0" lang="tr-TR" sz="2800" i="0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. </a:t>
            </a:r>
            <a:r>
              <a:rPr lang="tr-TR" sz="2800" dirty="0"/>
              <a:t>Kur’an’ı başından sonuna kadar ezberleyen kimsedir.</a:t>
            </a:r>
          </a:p>
          <a:p>
            <a:pPr algn="l"/>
            <a:r>
              <a:rPr kumimoji="0" lang="tr-TR" sz="2800" b="1" i="0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III. </a:t>
            </a:r>
            <a:r>
              <a:rPr lang="tr-TR" sz="2800" dirty="0"/>
              <a:t>Kur’an-ı Kerim’in yirmi sayfadan oluşan her bir bölümüne denir.</a:t>
            </a:r>
          </a:p>
          <a:p>
            <a:pPr algn="l"/>
            <a:r>
              <a:rPr kumimoji="0" lang="tr-TR" sz="2800" b="1" i="0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2. Yukarıdaki açıklamalardan</a:t>
            </a:r>
            <a:r>
              <a:rPr kumimoji="0" lang="tr-TR" sz="2800" b="1" i="0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</a:rPr>
              <a:t> sırasıyla hangi kavramlarla ilgilidir?</a:t>
            </a:r>
            <a:endParaRPr kumimoji="0" lang="tr-TR" sz="2800" b="1" i="0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26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6496544"/>
            <a:ext cx="12192000" cy="38837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7" name="Komut Düğmesi: Geri veya Önceki 26">
            <a:hlinkClick r:id="" action="ppaction://hlinkshowjump?jump=previousslide" highlightClick="1"/>
          </p:cNvPr>
          <p:cNvSpPr/>
          <p:nvPr/>
        </p:nvSpPr>
        <p:spPr>
          <a:xfrm>
            <a:off x="10619874" y="6496544"/>
            <a:ext cx="437317" cy="361456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8" name="Komut Düğmesi: İleri veya Sonraki 27">
            <a:hlinkClick r:id="" action="ppaction://hlinkshowjump?jump=nextslide" highlightClick="1"/>
          </p:cNvPr>
          <p:cNvSpPr/>
          <p:nvPr/>
        </p:nvSpPr>
        <p:spPr>
          <a:xfrm>
            <a:off x="11743376" y="6496544"/>
            <a:ext cx="412785" cy="372343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9" name="Komut Düğmesi: Giriş 28">
            <a:hlinkClick r:id="" action="ppaction://hlinkshowjump?jump=firstslide" highlightClick="1"/>
          </p:cNvPr>
          <p:cNvSpPr/>
          <p:nvPr/>
        </p:nvSpPr>
        <p:spPr>
          <a:xfrm>
            <a:off x="11137184" y="6496544"/>
            <a:ext cx="526199" cy="372343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4" name="Doğru"/>
          <p:cNvGrpSpPr/>
          <p:nvPr/>
        </p:nvGrpSpPr>
        <p:grpSpPr>
          <a:xfrm>
            <a:off x="1012721" y="3155986"/>
            <a:ext cx="11092815" cy="550609"/>
            <a:chOff x="1012721" y="3155986"/>
            <a:chExt cx="11092815" cy="550609"/>
          </a:xfrm>
        </p:grpSpPr>
        <p:sp>
          <p:nvSpPr>
            <p:cNvPr id="2" name="Yuvarlatılmış Dikdörtgen 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. Ayet, II.</a:t>
              </a:r>
              <a:r>
                <a:rPr kumimoji="0" lang="tr-TR" sz="3600" b="0" i="0" u="none" strike="noStrike" kern="1200" cap="none" spc="0" normalizeH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Hafız, III. Cüz</a:t>
              </a:r>
              <a:endPara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" name="İkizkenar Üçgen 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ln>
              <a:solidFill>
                <a:srgbClr val="134871"/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</a:t>
              </a:r>
            </a:p>
          </p:txBody>
        </p:sp>
      </p:grpSp>
      <p:grpSp>
        <p:nvGrpSpPr>
          <p:cNvPr id="38" name="B"/>
          <p:cNvGrpSpPr/>
          <p:nvPr/>
        </p:nvGrpSpPr>
        <p:grpSpPr>
          <a:xfrm>
            <a:off x="1012720" y="3999413"/>
            <a:ext cx="11092816" cy="550610"/>
            <a:chOff x="1012720" y="3155986"/>
            <a:chExt cx="11092816" cy="550610"/>
          </a:xfrm>
        </p:grpSpPr>
        <p:sp>
          <p:nvSpPr>
            <p:cNvPr id="39" name="Yuvarlatılmış Dikdörtgen 38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lvl="0" algn="ctr">
                <a:defRPr/>
              </a:pPr>
              <a:r>
                <a:rPr lang="tr-TR" sz="3600" dirty="0">
                  <a:solidFill>
                    <a:prstClr val="black"/>
                  </a:solidFill>
                </a:rPr>
                <a:t>I. Ayet, II. Hafız, III. Sure</a:t>
              </a:r>
            </a:p>
          </p:txBody>
        </p:sp>
        <p:sp>
          <p:nvSpPr>
            <p:cNvPr id="40" name="İkizkenar Üçgen 39"/>
            <p:cNvSpPr/>
            <p:nvPr/>
          </p:nvSpPr>
          <p:spPr>
            <a:xfrm rot="5400000">
              <a:off x="1170034" y="2998672"/>
              <a:ext cx="550610" cy="865237"/>
            </a:xfrm>
            <a:prstGeom prst="triangle">
              <a:avLst>
                <a:gd name="adj" fmla="val 48215"/>
              </a:avLst>
            </a:prstGeom>
            <a:solidFill>
              <a:srgbClr val="C00000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B</a:t>
              </a:r>
            </a:p>
          </p:txBody>
        </p:sp>
      </p:grpSp>
      <p:grpSp>
        <p:nvGrpSpPr>
          <p:cNvPr id="41" name="C"/>
          <p:cNvGrpSpPr/>
          <p:nvPr/>
        </p:nvGrpSpPr>
        <p:grpSpPr>
          <a:xfrm>
            <a:off x="1012721" y="4842840"/>
            <a:ext cx="11092815" cy="550609"/>
            <a:chOff x="1012721" y="3155986"/>
            <a:chExt cx="11092815" cy="550609"/>
          </a:xfrm>
        </p:grpSpPr>
        <p:sp>
          <p:nvSpPr>
            <p:cNvPr id="42" name="Yuvarlatılmış Dikdörtgen 4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lvl="0" algn="ctr">
                <a:defRPr/>
              </a:pPr>
              <a:r>
                <a:rPr lang="tr-TR" sz="3600" dirty="0">
                  <a:solidFill>
                    <a:prstClr val="black"/>
                  </a:solidFill>
                </a:rPr>
                <a:t>I. Ayet, II. Hatim, III. Cüz</a:t>
              </a:r>
            </a:p>
          </p:txBody>
        </p:sp>
        <p:sp>
          <p:nvSpPr>
            <p:cNvPr id="43" name="İkizkenar Üçgen 4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00B050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C</a:t>
              </a:r>
            </a:p>
          </p:txBody>
        </p:sp>
      </p:grpSp>
      <p:grpSp>
        <p:nvGrpSpPr>
          <p:cNvPr id="44" name="D"/>
          <p:cNvGrpSpPr/>
          <p:nvPr/>
        </p:nvGrpSpPr>
        <p:grpSpPr>
          <a:xfrm>
            <a:off x="1012721" y="5686267"/>
            <a:ext cx="11092815" cy="550609"/>
            <a:chOff x="1012721" y="3155986"/>
            <a:chExt cx="11092815" cy="550609"/>
          </a:xfrm>
        </p:grpSpPr>
        <p:sp>
          <p:nvSpPr>
            <p:cNvPr id="45" name="Yuvarlatılmış Dikdörtgen 44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lvl="0" algn="ctr">
                <a:defRPr/>
              </a:pPr>
              <a:r>
                <a:rPr lang="tr-TR" sz="3600" dirty="0">
                  <a:solidFill>
                    <a:prstClr val="black"/>
                  </a:solidFill>
                </a:rPr>
                <a:t>I. Ayet, II. İmam, III. Cüz</a:t>
              </a:r>
            </a:p>
          </p:txBody>
        </p:sp>
        <p:sp>
          <p:nvSpPr>
            <p:cNvPr id="46" name="İkizkenar Üçgen 45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134871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D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4058173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nimClr clrSpc="rgb" dir="cw"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c</p:attrName>
                                        </p:attrNameLst>
                                      </p:cBhvr>
                                      <p:to>
                                        <a:srgbClr val="009900"/>
                                      </p:to>
                                    </p:animClr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(online-audio-converter.com)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9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4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1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8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4"/>
                  </p:tgtEl>
                </p:cond>
              </p:nextCondLst>
            </p:seq>
          </p:childTnLst>
        </p:cTn>
      </p:par>
    </p:tnLst>
    <p:bldLst>
      <p:bldP spid="52" grpId="0" animBg="1"/>
      <p:bldP spid="53" grpId="0" animBg="1"/>
      <p:bldP spid="54" grpId="0" animBg="1"/>
      <p:bldP spid="55" grpId="0" animBg="1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Dikdörtgen 51"/>
          <p:cNvSpPr/>
          <p:nvPr/>
        </p:nvSpPr>
        <p:spPr>
          <a:xfrm>
            <a:off x="218970" y="3941123"/>
            <a:ext cx="795184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3" name="Dikdörtgen 52"/>
          <p:cNvSpPr/>
          <p:nvPr/>
        </p:nvSpPr>
        <p:spPr>
          <a:xfrm>
            <a:off x="218970" y="5605006"/>
            <a:ext cx="793750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4" name="Dikdörtgen 53"/>
          <p:cNvSpPr/>
          <p:nvPr/>
        </p:nvSpPr>
        <p:spPr>
          <a:xfrm>
            <a:off x="218970" y="3145554"/>
            <a:ext cx="793750" cy="625478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5" name="Dikdörtgen 54"/>
          <p:cNvSpPr/>
          <p:nvPr/>
        </p:nvSpPr>
        <p:spPr>
          <a:xfrm>
            <a:off x="218970" y="4774030"/>
            <a:ext cx="793750" cy="632812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44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2" name="İçerik Yer Tutucusu 2"/>
          <p:cNvSpPr txBox="1">
            <a:spLocks/>
          </p:cNvSpPr>
          <p:nvPr/>
        </p:nvSpPr>
        <p:spPr>
          <a:xfrm>
            <a:off x="8477250" y="192080"/>
            <a:ext cx="3472518" cy="2844168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solidFill>
              <a:srgbClr val="13487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. Yan tarafta numaralı yerlerin adı</a:t>
            </a:r>
            <a:r>
              <a:rPr kumimoji="0" lang="tr-TR" sz="3600" b="1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nedir?</a:t>
            </a:r>
            <a:endParaRPr kumimoji="0" lang="tr-TR" sz="4000" b="1" i="0" u="sng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6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6496544"/>
            <a:ext cx="12192000" cy="38837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7" name="Komut Düğmesi: Geri veya Önceki 26">
            <a:hlinkClick r:id="" action="ppaction://hlinkshowjump?jump=previousslide" highlightClick="1"/>
          </p:cNvPr>
          <p:cNvSpPr/>
          <p:nvPr/>
        </p:nvSpPr>
        <p:spPr>
          <a:xfrm>
            <a:off x="10619874" y="6496544"/>
            <a:ext cx="437317" cy="361456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8" name="Komut Düğmesi: İleri veya Sonraki 27">
            <a:hlinkClick r:id="" action="ppaction://hlinkshowjump?jump=nextslide" highlightClick="1"/>
          </p:cNvPr>
          <p:cNvSpPr/>
          <p:nvPr/>
        </p:nvSpPr>
        <p:spPr>
          <a:xfrm>
            <a:off x="11743376" y="6496544"/>
            <a:ext cx="412785" cy="372343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9" name="Komut Düğmesi: Giriş 28">
            <a:hlinkClick r:id="" action="ppaction://hlinkshowjump?jump=firstslide" highlightClick="1"/>
          </p:cNvPr>
          <p:cNvSpPr/>
          <p:nvPr/>
        </p:nvSpPr>
        <p:spPr>
          <a:xfrm>
            <a:off x="11137184" y="6496544"/>
            <a:ext cx="526199" cy="372343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4" name="Doğru"/>
          <p:cNvGrpSpPr/>
          <p:nvPr/>
        </p:nvGrpSpPr>
        <p:grpSpPr>
          <a:xfrm>
            <a:off x="1012721" y="4806795"/>
            <a:ext cx="11092815" cy="550609"/>
            <a:chOff x="1012721" y="3155986"/>
            <a:chExt cx="11092815" cy="550609"/>
          </a:xfrm>
        </p:grpSpPr>
        <p:sp>
          <p:nvSpPr>
            <p:cNvPr id="2" name="Yuvarlatılmış Dikdörtgen 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1.</a:t>
              </a:r>
              <a:r>
                <a:rPr kumimoji="0" lang="tr-TR" sz="3200" b="0" i="0" u="none" strike="noStrike" kern="1200" cap="none" spc="0" normalizeH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Durak, 2. Cüz</a:t>
              </a:r>
              <a:endPara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" name="İkizkenar Üçgen 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00B050"/>
            </a:solidFill>
            <a:ln>
              <a:solidFill>
                <a:schemeClr val="accent6">
                  <a:lumMod val="75000"/>
                </a:scheme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tr-TR" sz="3600" b="1" dirty="0">
                  <a:solidFill>
                    <a:prstClr val="white"/>
                  </a:solidFill>
                  <a:latin typeface="Calibri" panose="020F0502020204030204"/>
                </a:rPr>
                <a:t>C</a:t>
              </a:r>
              <a:endPara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</p:grpSp>
      <p:grpSp>
        <p:nvGrpSpPr>
          <p:cNvPr id="38" name="B"/>
          <p:cNvGrpSpPr/>
          <p:nvPr/>
        </p:nvGrpSpPr>
        <p:grpSpPr>
          <a:xfrm>
            <a:off x="1012720" y="3999413"/>
            <a:ext cx="11092816" cy="550610"/>
            <a:chOff x="1012720" y="3155986"/>
            <a:chExt cx="11092816" cy="550610"/>
          </a:xfrm>
        </p:grpSpPr>
        <p:sp>
          <p:nvSpPr>
            <p:cNvPr id="39" name="Yuvarlatılmış Dikdörtgen 38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1. </a:t>
              </a:r>
              <a:r>
                <a:rPr lang="tr-TR" sz="3200" dirty="0">
                  <a:solidFill>
                    <a:prstClr val="black"/>
                  </a:solidFill>
                  <a:latin typeface="Calibri" panose="020F0502020204030204"/>
                </a:rPr>
                <a:t>Durak, 2. Cüz</a:t>
              </a:r>
              <a:endPara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40" name="İkizkenar Üçgen 39"/>
            <p:cNvSpPr/>
            <p:nvPr/>
          </p:nvSpPr>
          <p:spPr>
            <a:xfrm rot="5400000">
              <a:off x="1170034" y="2998672"/>
              <a:ext cx="550610" cy="865237"/>
            </a:xfrm>
            <a:prstGeom prst="triangle">
              <a:avLst>
                <a:gd name="adj" fmla="val 48215"/>
              </a:avLst>
            </a:prstGeom>
            <a:solidFill>
              <a:srgbClr val="C00000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B</a:t>
              </a:r>
            </a:p>
          </p:txBody>
        </p:sp>
      </p:grpSp>
      <p:grpSp>
        <p:nvGrpSpPr>
          <p:cNvPr id="41" name="C"/>
          <p:cNvGrpSpPr/>
          <p:nvPr/>
        </p:nvGrpSpPr>
        <p:grpSpPr>
          <a:xfrm>
            <a:off x="1012721" y="5633759"/>
            <a:ext cx="11092815" cy="550609"/>
            <a:chOff x="1012721" y="3155986"/>
            <a:chExt cx="11092815" cy="550609"/>
          </a:xfrm>
        </p:grpSpPr>
        <p:sp>
          <p:nvSpPr>
            <p:cNvPr id="42" name="Yuvarlatılmış Dikdörtgen 4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1.</a:t>
              </a:r>
              <a:r>
                <a:rPr kumimoji="0" lang="tr-TR" sz="3200" b="0" i="0" u="none" strike="noStrike" kern="1200" cap="none" spc="0" normalizeH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Durak, 2. Sure</a:t>
              </a:r>
              <a:endPara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43" name="İkizkenar Üçgen 4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chemeClr val="tx2">
                <a:lumMod val="75000"/>
              </a:schemeClr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D</a:t>
              </a:r>
            </a:p>
          </p:txBody>
        </p:sp>
      </p:grpSp>
      <p:grpSp>
        <p:nvGrpSpPr>
          <p:cNvPr id="44" name="D"/>
          <p:cNvGrpSpPr/>
          <p:nvPr/>
        </p:nvGrpSpPr>
        <p:grpSpPr>
          <a:xfrm>
            <a:off x="1012721" y="3199566"/>
            <a:ext cx="11092815" cy="550609"/>
            <a:chOff x="1012721" y="3155986"/>
            <a:chExt cx="11092815" cy="550609"/>
          </a:xfrm>
        </p:grpSpPr>
        <p:sp>
          <p:nvSpPr>
            <p:cNvPr id="45" name="Yuvarlatılmış Dikdörtgen 44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tr-TR" sz="3200" dirty="0">
                  <a:solidFill>
                    <a:prstClr val="black"/>
                  </a:solidFill>
                  <a:latin typeface="Calibri" panose="020F0502020204030204"/>
                </a:rPr>
                <a:t>1. Sure, 2. Ayet</a:t>
              </a:r>
              <a:endPara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46" name="İkizkenar Üçgen 45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5D98CE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</a:t>
              </a:r>
            </a:p>
          </p:txBody>
        </p:sp>
      </p:grpSp>
      <p:pic>
        <p:nvPicPr>
          <p:cNvPr id="23" name="Resim 22"/>
          <p:cNvPicPr>
            <a:picLocks noChangeAspect="1"/>
          </p:cNvPicPr>
          <p:nvPr/>
        </p:nvPicPr>
        <p:blipFill rotWithShape="1">
          <a:blip r:embed="rId8"/>
          <a:srcRect l="14231" t="56296" r="22357" b="17409"/>
          <a:stretch/>
        </p:blipFill>
        <p:spPr>
          <a:xfrm>
            <a:off x="218971" y="152400"/>
            <a:ext cx="8163030" cy="2883848"/>
          </a:xfrm>
          <a:prstGeom prst="rect">
            <a:avLst/>
          </a:prstGeom>
        </p:spPr>
      </p:pic>
      <p:sp>
        <p:nvSpPr>
          <p:cNvPr id="5" name="Dikdörtgen 4"/>
          <p:cNvSpPr/>
          <p:nvPr/>
        </p:nvSpPr>
        <p:spPr>
          <a:xfrm>
            <a:off x="3378200" y="1358900"/>
            <a:ext cx="406400" cy="774700"/>
          </a:xfrm>
          <a:prstGeom prst="rect">
            <a:avLst/>
          </a:prstGeom>
          <a:noFill/>
          <a:ln w="571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25" name="Dikdörtgen 24"/>
          <p:cNvSpPr/>
          <p:nvPr/>
        </p:nvSpPr>
        <p:spPr>
          <a:xfrm>
            <a:off x="218971" y="192080"/>
            <a:ext cx="987530" cy="2844168"/>
          </a:xfrm>
          <a:prstGeom prst="rect">
            <a:avLst/>
          </a:prstGeom>
          <a:noFill/>
          <a:ln w="571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6" name="Oval 5"/>
          <p:cNvSpPr/>
          <p:nvPr/>
        </p:nvSpPr>
        <p:spPr>
          <a:xfrm>
            <a:off x="3282951" y="727515"/>
            <a:ext cx="596898" cy="631382"/>
          </a:xfrm>
          <a:prstGeom prst="ellipse">
            <a:avLst/>
          </a:prstGeom>
          <a:solidFill>
            <a:srgbClr val="999FCF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2800" dirty="0">
                <a:solidFill>
                  <a:schemeClr val="tx1"/>
                </a:solidFill>
              </a:rPr>
              <a:t>1</a:t>
            </a:r>
          </a:p>
        </p:txBody>
      </p:sp>
      <p:sp>
        <p:nvSpPr>
          <p:cNvPr id="30" name="Oval 29"/>
          <p:cNvSpPr/>
          <p:nvPr/>
        </p:nvSpPr>
        <p:spPr>
          <a:xfrm>
            <a:off x="415822" y="-57160"/>
            <a:ext cx="596898" cy="631382"/>
          </a:xfrm>
          <a:prstGeom prst="ellipse">
            <a:avLst/>
          </a:prstGeom>
          <a:solidFill>
            <a:srgbClr val="999FCF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2800" dirty="0">
                <a:solidFill>
                  <a:schemeClr val="tx1"/>
                </a:solidFill>
              </a:rPr>
              <a:t>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541689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nimClr clrSpc="rgb" dir="cw"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c</p:attrName>
                                        </p:attrNameLst>
                                      </p:cBhvr>
                                      <p:to>
                                        <a:srgbClr val="009900"/>
                                      </p:to>
                                    </p:animClr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(online-audio-converter.com)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9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4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1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8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4"/>
                  </p:tgtEl>
                </p:cond>
              </p:nextCondLst>
            </p:seq>
          </p:childTnLst>
        </p:cTn>
      </p:par>
    </p:tnLst>
    <p:bldLst>
      <p:bldP spid="52" grpId="0" animBg="1"/>
      <p:bldP spid="53" grpId="0" animBg="1"/>
      <p:bldP spid="54" grpId="0" animBg="1"/>
      <p:bldP spid="55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E79FC92-EDFF-55B6-C92E-2334CC9DD28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oogle Shape;2282;p54">
            <a:extLst>
              <a:ext uri="{FF2B5EF4-FFF2-40B4-BE49-F238E27FC236}">
                <a16:creationId xmlns:a16="http://schemas.microsoft.com/office/drawing/2014/main" id="{174F40E3-21FE-122A-FA73-83AEE8D81133}"/>
              </a:ext>
            </a:extLst>
          </p:cNvPr>
          <p:cNvGrpSpPr/>
          <p:nvPr/>
        </p:nvGrpSpPr>
        <p:grpSpPr>
          <a:xfrm>
            <a:off x="5197396" y="1289616"/>
            <a:ext cx="6404053" cy="4634934"/>
            <a:chOff x="3578510" y="1419647"/>
            <a:chExt cx="4021500" cy="3062887"/>
          </a:xfrm>
        </p:grpSpPr>
        <p:sp>
          <p:nvSpPr>
            <p:cNvPr id="3" name="Google Shape;2283;p54">
              <a:extLst>
                <a:ext uri="{FF2B5EF4-FFF2-40B4-BE49-F238E27FC236}">
                  <a16:creationId xmlns:a16="http://schemas.microsoft.com/office/drawing/2014/main" id="{3937BE64-829C-09CE-0E69-448FF99655E6}"/>
                </a:ext>
              </a:extLst>
            </p:cNvPr>
            <p:cNvSpPr/>
            <p:nvPr/>
          </p:nvSpPr>
          <p:spPr>
            <a:xfrm>
              <a:off x="3716658" y="1548119"/>
              <a:ext cx="3748500" cy="228570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" name="Google Shape;2284;p54">
              <a:extLst>
                <a:ext uri="{FF2B5EF4-FFF2-40B4-BE49-F238E27FC236}">
                  <a16:creationId xmlns:a16="http://schemas.microsoft.com/office/drawing/2014/main" id="{B9E15AC6-6F12-EA83-992D-249B950E8C9F}"/>
                </a:ext>
              </a:extLst>
            </p:cNvPr>
            <p:cNvSpPr/>
            <p:nvPr/>
          </p:nvSpPr>
          <p:spPr>
            <a:xfrm>
              <a:off x="3578510" y="1419647"/>
              <a:ext cx="4021500" cy="2544300"/>
            </a:xfrm>
            <a:prstGeom prst="roundRect">
              <a:avLst>
                <a:gd name="adj" fmla="val 3857"/>
              </a:avLst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5" name="Google Shape;2285;p54">
              <a:extLst>
                <a:ext uri="{FF2B5EF4-FFF2-40B4-BE49-F238E27FC236}">
                  <a16:creationId xmlns:a16="http://schemas.microsoft.com/office/drawing/2014/main" id="{DCBD23D2-E2EC-427A-E8DB-6ACA0E0988A5}"/>
                </a:ext>
              </a:extLst>
            </p:cNvPr>
            <p:cNvSpPr/>
            <p:nvPr/>
          </p:nvSpPr>
          <p:spPr>
            <a:xfrm>
              <a:off x="4900908" y="3963886"/>
              <a:ext cx="1373274" cy="518648"/>
            </a:xfrm>
            <a:custGeom>
              <a:avLst/>
              <a:gdLst/>
              <a:ahLst/>
              <a:cxnLst/>
              <a:rect l="l" t="t" r="r" b="b"/>
              <a:pathLst>
                <a:path w="65999" h="24926" extrusionOk="0">
                  <a:moveTo>
                    <a:pt x="13372" y="0"/>
                  </a:moveTo>
                  <a:cubicBezTo>
                    <a:pt x="13051" y="1881"/>
                    <a:pt x="12653" y="8225"/>
                    <a:pt x="11445" y="11283"/>
                  </a:cubicBezTo>
                  <a:cubicBezTo>
                    <a:pt x="10237" y="14341"/>
                    <a:pt x="7883" y="16511"/>
                    <a:pt x="6125" y="18346"/>
                  </a:cubicBezTo>
                  <a:cubicBezTo>
                    <a:pt x="4367" y="20181"/>
                    <a:pt x="1875" y="21297"/>
                    <a:pt x="896" y="22291"/>
                  </a:cubicBezTo>
                  <a:cubicBezTo>
                    <a:pt x="-82" y="23285"/>
                    <a:pt x="-174" y="23896"/>
                    <a:pt x="254" y="24309"/>
                  </a:cubicBezTo>
                  <a:cubicBezTo>
                    <a:pt x="682" y="24722"/>
                    <a:pt x="805" y="24692"/>
                    <a:pt x="3465" y="24768"/>
                  </a:cubicBezTo>
                  <a:cubicBezTo>
                    <a:pt x="6125" y="24845"/>
                    <a:pt x="10925" y="24768"/>
                    <a:pt x="16215" y="24768"/>
                  </a:cubicBezTo>
                  <a:cubicBezTo>
                    <a:pt x="21505" y="24768"/>
                    <a:pt x="28630" y="24768"/>
                    <a:pt x="35204" y="24768"/>
                  </a:cubicBezTo>
                  <a:cubicBezTo>
                    <a:pt x="41778" y="24768"/>
                    <a:pt x="50783" y="24768"/>
                    <a:pt x="55660" y="24768"/>
                  </a:cubicBezTo>
                  <a:cubicBezTo>
                    <a:pt x="60537" y="24768"/>
                    <a:pt x="62754" y="25104"/>
                    <a:pt x="64466" y="24768"/>
                  </a:cubicBezTo>
                  <a:cubicBezTo>
                    <a:pt x="66178" y="24432"/>
                    <a:pt x="66056" y="23346"/>
                    <a:pt x="65934" y="22750"/>
                  </a:cubicBezTo>
                  <a:cubicBezTo>
                    <a:pt x="65812" y="22154"/>
                    <a:pt x="65353" y="22765"/>
                    <a:pt x="63732" y="21190"/>
                  </a:cubicBezTo>
                  <a:cubicBezTo>
                    <a:pt x="62111" y="19615"/>
                    <a:pt x="57999" y="16512"/>
                    <a:pt x="56210" y="13301"/>
                  </a:cubicBezTo>
                  <a:cubicBezTo>
                    <a:pt x="54421" y="10091"/>
                    <a:pt x="53505" y="4083"/>
                    <a:pt x="53000" y="1927"/>
                  </a:cubicBezTo>
                  <a:cubicBezTo>
                    <a:pt x="52496" y="-229"/>
                    <a:pt x="53153" y="627"/>
                    <a:pt x="53183" y="367"/>
                  </a:cubicBezTo>
                </a:path>
              </a:pathLst>
            </a:cu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</a:endParaRPr>
            </a:p>
          </p:txBody>
        </p:sp>
        <p:cxnSp>
          <p:nvCxnSpPr>
            <p:cNvPr id="6" name="Google Shape;2286;p54">
              <a:extLst>
                <a:ext uri="{FF2B5EF4-FFF2-40B4-BE49-F238E27FC236}">
                  <a16:creationId xmlns:a16="http://schemas.microsoft.com/office/drawing/2014/main" id="{B7E38156-C477-85FE-7DD9-7668EE8803BF}"/>
                </a:ext>
              </a:extLst>
            </p:cNvPr>
            <p:cNvCxnSpPr/>
            <p:nvPr/>
          </p:nvCxnSpPr>
          <p:spPr>
            <a:xfrm>
              <a:off x="4915750" y="4433452"/>
              <a:ext cx="1353300" cy="0"/>
            </a:xfrm>
            <a:prstGeom prst="straightConnector1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grpSp>
        <p:nvGrpSpPr>
          <p:cNvPr id="8" name="Google Shape;2299;p54">
            <a:extLst>
              <a:ext uri="{FF2B5EF4-FFF2-40B4-BE49-F238E27FC236}">
                <a16:creationId xmlns:a16="http://schemas.microsoft.com/office/drawing/2014/main" id="{02314096-687A-E5CB-82F5-C77F3173EAAF}"/>
              </a:ext>
            </a:extLst>
          </p:cNvPr>
          <p:cNvGrpSpPr/>
          <p:nvPr/>
        </p:nvGrpSpPr>
        <p:grpSpPr>
          <a:xfrm>
            <a:off x="7086600" y="6095160"/>
            <a:ext cx="2358113" cy="362790"/>
            <a:chOff x="1816609" y="3851001"/>
            <a:chExt cx="1093674" cy="222193"/>
          </a:xfrm>
        </p:grpSpPr>
        <p:sp>
          <p:nvSpPr>
            <p:cNvPr id="9" name="Google Shape;2300;p54">
              <a:extLst>
                <a:ext uri="{FF2B5EF4-FFF2-40B4-BE49-F238E27FC236}">
                  <a16:creationId xmlns:a16="http://schemas.microsoft.com/office/drawing/2014/main" id="{FBD25765-7B73-D383-5BEF-04E67E78AA2C}"/>
                </a:ext>
              </a:extLst>
            </p:cNvPr>
            <p:cNvSpPr/>
            <p:nvPr/>
          </p:nvSpPr>
          <p:spPr>
            <a:xfrm>
              <a:off x="1816609" y="3851001"/>
              <a:ext cx="1093674" cy="222193"/>
            </a:xfrm>
            <a:custGeom>
              <a:avLst/>
              <a:gdLst/>
              <a:ahLst/>
              <a:cxnLst/>
              <a:rect l="l" t="t" r="r" b="b"/>
              <a:pathLst>
                <a:path w="38900" h="7903" extrusionOk="0">
                  <a:moveTo>
                    <a:pt x="32154" y="852"/>
                  </a:moveTo>
                  <a:cubicBezTo>
                    <a:pt x="32029" y="852"/>
                    <a:pt x="31911" y="870"/>
                    <a:pt x="31815" y="910"/>
                  </a:cubicBezTo>
                  <a:cubicBezTo>
                    <a:pt x="30934" y="1259"/>
                    <a:pt x="30057" y="1619"/>
                    <a:pt x="29183" y="1986"/>
                  </a:cubicBezTo>
                  <a:cubicBezTo>
                    <a:pt x="30289" y="1683"/>
                    <a:pt x="31405" y="1423"/>
                    <a:pt x="32535" y="1209"/>
                  </a:cubicBezTo>
                  <a:cubicBezTo>
                    <a:pt x="32581" y="1198"/>
                    <a:pt x="32635" y="1195"/>
                    <a:pt x="32688" y="1195"/>
                  </a:cubicBezTo>
                  <a:cubicBezTo>
                    <a:pt x="32853" y="1195"/>
                    <a:pt x="33041" y="1234"/>
                    <a:pt x="33223" y="1298"/>
                  </a:cubicBezTo>
                  <a:cubicBezTo>
                    <a:pt x="32998" y="1017"/>
                    <a:pt x="32532" y="852"/>
                    <a:pt x="32154" y="852"/>
                  </a:cubicBezTo>
                  <a:close/>
                  <a:moveTo>
                    <a:pt x="36026" y="1808"/>
                  </a:moveTo>
                  <a:cubicBezTo>
                    <a:pt x="35323" y="1808"/>
                    <a:pt x="34635" y="1886"/>
                    <a:pt x="33969" y="2036"/>
                  </a:cubicBezTo>
                  <a:cubicBezTo>
                    <a:pt x="33969" y="2172"/>
                    <a:pt x="33908" y="2318"/>
                    <a:pt x="33758" y="2464"/>
                  </a:cubicBezTo>
                  <a:cubicBezTo>
                    <a:pt x="33648" y="2575"/>
                    <a:pt x="33541" y="2689"/>
                    <a:pt x="33441" y="2803"/>
                  </a:cubicBezTo>
                  <a:cubicBezTo>
                    <a:pt x="33530" y="2781"/>
                    <a:pt x="33619" y="2775"/>
                    <a:pt x="33712" y="2775"/>
                  </a:cubicBezTo>
                  <a:cubicBezTo>
                    <a:pt x="34364" y="2775"/>
                    <a:pt x="35031" y="3256"/>
                    <a:pt x="35052" y="3695"/>
                  </a:cubicBezTo>
                  <a:cubicBezTo>
                    <a:pt x="35341" y="3655"/>
                    <a:pt x="35634" y="3637"/>
                    <a:pt x="35926" y="3637"/>
                  </a:cubicBezTo>
                  <a:cubicBezTo>
                    <a:pt x="36290" y="3637"/>
                    <a:pt x="36657" y="3666"/>
                    <a:pt x="37028" y="3723"/>
                  </a:cubicBezTo>
                  <a:cubicBezTo>
                    <a:pt x="37099" y="3734"/>
                    <a:pt x="37170" y="3737"/>
                    <a:pt x="37234" y="3737"/>
                  </a:cubicBezTo>
                  <a:cubicBezTo>
                    <a:pt x="38415" y="3737"/>
                    <a:pt x="38900" y="2136"/>
                    <a:pt x="37502" y="1922"/>
                  </a:cubicBezTo>
                  <a:cubicBezTo>
                    <a:pt x="37007" y="1843"/>
                    <a:pt x="36511" y="1808"/>
                    <a:pt x="36026" y="1808"/>
                  </a:cubicBezTo>
                  <a:close/>
                  <a:moveTo>
                    <a:pt x="6480" y="3645"/>
                  </a:moveTo>
                  <a:lnTo>
                    <a:pt x="6480" y="3645"/>
                  </a:lnTo>
                  <a:cubicBezTo>
                    <a:pt x="6466" y="3652"/>
                    <a:pt x="6455" y="3655"/>
                    <a:pt x="6441" y="3659"/>
                  </a:cubicBezTo>
                  <a:cubicBezTo>
                    <a:pt x="6412" y="3723"/>
                    <a:pt x="6383" y="3787"/>
                    <a:pt x="6359" y="3851"/>
                  </a:cubicBezTo>
                  <a:cubicBezTo>
                    <a:pt x="6398" y="3784"/>
                    <a:pt x="6437" y="3713"/>
                    <a:pt x="6480" y="3645"/>
                  </a:cubicBezTo>
                  <a:close/>
                  <a:moveTo>
                    <a:pt x="21010" y="0"/>
                  </a:moveTo>
                  <a:cubicBezTo>
                    <a:pt x="20879" y="0"/>
                    <a:pt x="20747" y="18"/>
                    <a:pt x="20622" y="64"/>
                  </a:cubicBezTo>
                  <a:cubicBezTo>
                    <a:pt x="18436" y="831"/>
                    <a:pt x="16353" y="1801"/>
                    <a:pt x="14389" y="2977"/>
                  </a:cubicBezTo>
                  <a:cubicBezTo>
                    <a:pt x="14735" y="2475"/>
                    <a:pt x="15102" y="1990"/>
                    <a:pt x="15491" y="1512"/>
                  </a:cubicBezTo>
                  <a:cubicBezTo>
                    <a:pt x="16118" y="746"/>
                    <a:pt x="15117" y="289"/>
                    <a:pt x="14353" y="289"/>
                  </a:cubicBezTo>
                  <a:cubicBezTo>
                    <a:pt x="14154" y="289"/>
                    <a:pt x="13972" y="318"/>
                    <a:pt x="13836" y="385"/>
                  </a:cubicBezTo>
                  <a:cubicBezTo>
                    <a:pt x="12110" y="1244"/>
                    <a:pt x="10484" y="2261"/>
                    <a:pt x="8969" y="3431"/>
                  </a:cubicBezTo>
                  <a:cubicBezTo>
                    <a:pt x="9272" y="2842"/>
                    <a:pt x="9614" y="2268"/>
                    <a:pt x="9996" y="1708"/>
                  </a:cubicBezTo>
                  <a:cubicBezTo>
                    <a:pt x="10542" y="906"/>
                    <a:pt x="9646" y="471"/>
                    <a:pt x="8905" y="471"/>
                  </a:cubicBezTo>
                  <a:cubicBezTo>
                    <a:pt x="8694" y="471"/>
                    <a:pt x="8491" y="507"/>
                    <a:pt x="8341" y="581"/>
                  </a:cubicBezTo>
                  <a:cubicBezTo>
                    <a:pt x="5938" y="1741"/>
                    <a:pt x="3534" y="2903"/>
                    <a:pt x="1131" y="4062"/>
                  </a:cubicBezTo>
                  <a:cubicBezTo>
                    <a:pt x="1" y="4608"/>
                    <a:pt x="893" y="5670"/>
                    <a:pt x="1862" y="5670"/>
                  </a:cubicBezTo>
                  <a:cubicBezTo>
                    <a:pt x="2045" y="5670"/>
                    <a:pt x="2226" y="5635"/>
                    <a:pt x="2401" y="5549"/>
                  </a:cubicBezTo>
                  <a:cubicBezTo>
                    <a:pt x="3546" y="4996"/>
                    <a:pt x="4690" y="4443"/>
                    <a:pt x="5835" y="3891"/>
                  </a:cubicBezTo>
                  <a:lnTo>
                    <a:pt x="5835" y="3891"/>
                  </a:lnTo>
                  <a:cubicBezTo>
                    <a:pt x="5392" y="4055"/>
                    <a:pt x="4947" y="4211"/>
                    <a:pt x="4501" y="4361"/>
                  </a:cubicBezTo>
                  <a:cubicBezTo>
                    <a:pt x="4248" y="4447"/>
                    <a:pt x="3944" y="4508"/>
                    <a:pt x="3649" y="4508"/>
                  </a:cubicBezTo>
                  <a:cubicBezTo>
                    <a:pt x="3378" y="4508"/>
                    <a:pt x="3110" y="4458"/>
                    <a:pt x="2886" y="4336"/>
                  </a:cubicBezTo>
                  <a:cubicBezTo>
                    <a:pt x="2532" y="4144"/>
                    <a:pt x="2443" y="3773"/>
                    <a:pt x="2896" y="3619"/>
                  </a:cubicBezTo>
                  <a:cubicBezTo>
                    <a:pt x="4173" y="3191"/>
                    <a:pt x="5428" y="2707"/>
                    <a:pt x="6666" y="2164"/>
                  </a:cubicBezTo>
                  <a:cubicBezTo>
                    <a:pt x="6887" y="2069"/>
                    <a:pt x="7175" y="2015"/>
                    <a:pt x="7464" y="2015"/>
                  </a:cubicBezTo>
                  <a:cubicBezTo>
                    <a:pt x="7593" y="2015"/>
                    <a:pt x="7721" y="2026"/>
                    <a:pt x="7846" y="2047"/>
                  </a:cubicBezTo>
                  <a:cubicBezTo>
                    <a:pt x="8074" y="1901"/>
                    <a:pt x="8330" y="1794"/>
                    <a:pt x="8562" y="1794"/>
                  </a:cubicBezTo>
                  <a:cubicBezTo>
                    <a:pt x="8598" y="1794"/>
                    <a:pt x="8634" y="1797"/>
                    <a:pt x="8669" y="1805"/>
                  </a:cubicBezTo>
                  <a:cubicBezTo>
                    <a:pt x="9054" y="1865"/>
                    <a:pt x="9375" y="2079"/>
                    <a:pt x="9041" y="2490"/>
                  </a:cubicBezTo>
                  <a:cubicBezTo>
                    <a:pt x="8491" y="3153"/>
                    <a:pt x="8074" y="3841"/>
                    <a:pt x="7774" y="4600"/>
                  </a:cubicBezTo>
                  <a:cubicBezTo>
                    <a:pt x="9536" y="3398"/>
                    <a:pt x="11351" y="2283"/>
                    <a:pt x="13223" y="1256"/>
                  </a:cubicBezTo>
                  <a:cubicBezTo>
                    <a:pt x="13379" y="1170"/>
                    <a:pt x="13729" y="1091"/>
                    <a:pt x="14032" y="1091"/>
                  </a:cubicBezTo>
                  <a:cubicBezTo>
                    <a:pt x="14449" y="1091"/>
                    <a:pt x="14778" y="1238"/>
                    <a:pt x="14378" y="1701"/>
                  </a:cubicBezTo>
                  <a:cubicBezTo>
                    <a:pt x="13740" y="2447"/>
                    <a:pt x="13305" y="3220"/>
                    <a:pt x="13055" y="4116"/>
                  </a:cubicBezTo>
                  <a:cubicBezTo>
                    <a:pt x="14791" y="3156"/>
                    <a:pt x="16575" y="2111"/>
                    <a:pt x="18386" y="1494"/>
                  </a:cubicBezTo>
                  <a:cubicBezTo>
                    <a:pt x="18660" y="1402"/>
                    <a:pt x="18896" y="1359"/>
                    <a:pt x="19099" y="1359"/>
                  </a:cubicBezTo>
                  <a:cubicBezTo>
                    <a:pt x="20144" y="1359"/>
                    <a:pt x="20262" y="2514"/>
                    <a:pt x="20204" y="3630"/>
                  </a:cubicBezTo>
                  <a:cubicBezTo>
                    <a:pt x="21502" y="2892"/>
                    <a:pt x="22840" y="2229"/>
                    <a:pt x="24213" y="1634"/>
                  </a:cubicBezTo>
                  <a:cubicBezTo>
                    <a:pt x="24216" y="1630"/>
                    <a:pt x="24216" y="1623"/>
                    <a:pt x="24216" y="1619"/>
                  </a:cubicBezTo>
                  <a:cubicBezTo>
                    <a:pt x="24244" y="1109"/>
                    <a:pt x="24766" y="867"/>
                    <a:pt x="25304" y="867"/>
                  </a:cubicBezTo>
                  <a:cubicBezTo>
                    <a:pt x="25906" y="867"/>
                    <a:pt x="26530" y="1173"/>
                    <a:pt x="26499" y="1744"/>
                  </a:cubicBezTo>
                  <a:cubicBezTo>
                    <a:pt x="26477" y="2126"/>
                    <a:pt x="26438" y="2496"/>
                    <a:pt x="26384" y="2867"/>
                  </a:cubicBezTo>
                  <a:cubicBezTo>
                    <a:pt x="26591" y="2793"/>
                    <a:pt x="26798" y="2721"/>
                    <a:pt x="27004" y="2653"/>
                  </a:cubicBezTo>
                  <a:cubicBezTo>
                    <a:pt x="27236" y="2250"/>
                    <a:pt x="27483" y="1855"/>
                    <a:pt x="27743" y="1466"/>
                  </a:cubicBezTo>
                  <a:cubicBezTo>
                    <a:pt x="28220" y="746"/>
                    <a:pt x="27386" y="168"/>
                    <a:pt x="26695" y="168"/>
                  </a:cubicBezTo>
                  <a:cubicBezTo>
                    <a:pt x="26573" y="168"/>
                    <a:pt x="26459" y="186"/>
                    <a:pt x="26352" y="225"/>
                  </a:cubicBezTo>
                  <a:cubicBezTo>
                    <a:pt x="24637" y="842"/>
                    <a:pt x="23000" y="1591"/>
                    <a:pt x="21431" y="2468"/>
                  </a:cubicBezTo>
                  <a:cubicBezTo>
                    <a:pt x="21624" y="2079"/>
                    <a:pt x="21817" y="1690"/>
                    <a:pt x="22009" y="1305"/>
                  </a:cubicBezTo>
                  <a:cubicBezTo>
                    <a:pt x="22373" y="574"/>
                    <a:pt x="21702" y="0"/>
                    <a:pt x="21010" y="0"/>
                  </a:cubicBezTo>
                  <a:close/>
                  <a:moveTo>
                    <a:pt x="30485" y="3384"/>
                  </a:moveTo>
                  <a:cubicBezTo>
                    <a:pt x="28780" y="3837"/>
                    <a:pt x="27111" y="4407"/>
                    <a:pt x="25467" y="5085"/>
                  </a:cubicBezTo>
                  <a:cubicBezTo>
                    <a:pt x="25325" y="5146"/>
                    <a:pt x="25161" y="5174"/>
                    <a:pt x="24993" y="5174"/>
                  </a:cubicBezTo>
                  <a:cubicBezTo>
                    <a:pt x="24394" y="5174"/>
                    <a:pt x="23749" y="4817"/>
                    <a:pt x="23820" y="4208"/>
                  </a:cubicBezTo>
                  <a:lnTo>
                    <a:pt x="23820" y="4208"/>
                  </a:lnTo>
                  <a:cubicBezTo>
                    <a:pt x="23721" y="4437"/>
                    <a:pt x="23627" y="4668"/>
                    <a:pt x="23538" y="4903"/>
                  </a:cubicBezTo>
                  <a:cubicBezTo>
                    <a:pt x="23257" y="5627"/>
                    <a:pt x="24013" y="5920"/>
                    <a:pt x="24665" y="5920"/>
                  </a:cubicBezTo>
                  <a:cubicBezTo>
                    <a:pt x="24908" y="5920"/>
                    <a:pt x="25136" y="5880"/>
                    <a:pt x="25289" y="5806"/>
                  </a:cubicBezTo>
                  <a:cubicBezTo>
                    <a:pt x="26919" y="5021"/>
                    <a:pt x="28566" y="4276"/>
                    <a:pt x="30231" y="3570"/>
                  </a:cubicBezTo>
                  <a:lnTo>
                    <a:pt x="30231" y="3570"/>
                  </a:lnTo>
                  <a:cubicBezTo>
                    <a:pt x="30131" y="3805"/>
                    <a:pt x="30032" y="4040"/>
                    <a:pt x="29932" y="4276"/>
                  </a:cubicBezTo>
                  <a:cubicBezTo>
                    <a:pt x="29632" y="4985"/>
                    <a:pt x="30292" y="5260"/>
                    <a:pt x="30952" y="5260"/>
                  </a:cubicBezTo>
                  <a:cubicBezTo>
                    <a:pt x="31323" y="5260"/>
                    <a:pt x="31697" y="5171"/>
                    <a:pt x="31893" y="5024"/>
                  </a:cubicBezTo>
                  <a:lnTo>
                    <a:pt x="31893" y="5024"/>
                  </a:lnTo>
                  <a:cubicBezTo>
                    <a:pt x="31869" y="5036"/>
                    <a:pt x="31843" y="5042"/>
                    <a:pt x="31818" y="5049"/>
                  </a:cubicBezTo>
                  <a:cubicBezTo>
                    <a:pt x="31701" y="5082"/>
                    <a:pt x="31558" y="5100"/>
                    <a:pt x="31401" y="5100"/>
                  </a:cubicBezTo>
                  <a:cubicBezTo>
                    <a:pt x="30745" y="5100"/>
                    <a:pt x="29904" y="4786"/>
                    <a:pt x="30192" y="4044"/>
                  </a:cubicBezTo>
                  <a:cubicBezTo>
                    <a:pt x="30281" y="3816"/>
                    <a:pt x="30378" y="3594"/>
                    <a:pt x="30485" y="3384"/>
                  </a:cubicBezTo>
                  <a:close/>
                  <a:moveTo>
                    <a:pt x="24084" y="2903"/>
                  </a:moveTo>
                  <a:lnTo>
                    <a:pt x="24084" y="2903"/>
                  </a:lnTo>
                  <a:cubicBezTo>
                    <a:pt x="22447" y="3627"/>
                    <a:pt x="20875" y="4468"/>
                    <a:pt x="19353" y="5421"/>
                  </a:cubicBezTo>
                  <a:cubicBezTo>
                    <a:pt x="19242" y="5492"/>
                    <a:pt x="18785" y="5663"/>
                    <a:pt x="18443" y="5663"/>
                  </a:cubicBezTo>
                  <a:cubicBezTo>
                    <a:pt x="18208" y="5663"/>
                    <a:pt x="18026" y="5581"/>
                    <a:pt x="18051" y="5331"/>
                  </a:cubicBezTo>
                  <a:cubicBezTo>
                    <a:pt x="18065" y="5167"/>
                    <a:pt x="18122" y="4697"/>
                    <a:pt x="18150" y="4205"/>
                  </a:cubicBezTo>
                  <a:lnTo>
                    <a:pt x="18150" y="4205"/>
                  </a:lnTo>
                  <a:cubicBezTo>
                    <a:pt x="18037" y="4432"/>
                    <a:pt x="17926" y="4661"/>
                    <a:pt x="17812" y="4889"/>
                  </a:cubicBezTo>
                  <a:cubicBezTo>
                    <a:pt x="17398" y="5720"/>
                    <a:pt x="18073" y="6119"/>
                    <a:pt x="18779" y="6119"/>
                  </a:cubicBezTo>
                  <a:cubicBezTo>
                    <a:pt x="19110" y="6119"/>
                    <a:pt x="19445" y="6033"/>
                    <a:pt x="19684" y="5859"/>
                  </a:cubicBezTo>
                  <a:cubicBezTo>
                    <a:pt x="21057" y="4853"/>
                    <a:pt x="22511" y="3976"/>
                    <a:pt x="24030" y="3231"/>
                  </a:cubicBezTo>
                  <a:cubicBezTo>
                    <a:pt x="24048" y="3120"/>
                    <a:pt x="24066" y="3010"/>
                    <a:pt x="24084" y="2903"/>
                  </a:cubicBezTo>
                  <a:close/>
                  <a:moveTo>
                    <a:pt x="17987" y="2828"/>
                  </a:moveTo>
                  <a:cubicBezTo>
                    <a:pt x="17915" y="2828"/>
                    <a:pt x="16671" y="3559"/>
                    <a:pt x="16503" y="3645"/>
                  </a:cubicBezTo>
                  <a:cubicBezTo>
                    <a:pt x="15031" y="4389"/>
                    <a:pt x="13562" y="5131"/>
                    <a:pt x="12089" y="5877"/>
                  </a:cubicBezTo>
                  <a:cubicBezTo>
                    <a:pt x="11993" y="5926"/>
                    <a:pt x="11504" y="6112"/>
                    <a:pt x="11151" y="6112"/>
                  </a:cubicBezTo>
                  <a:cubicBezTo>
                    <a:pt x="10923" y="6112"/>
                    <a:pt x="10756" y="6033"/>
                    <a:pt x="10791" y="5784"/>
                  </a:cubicBezTo>
                  <a:cubicBezTo>
                    <a:pt x="10902" y="4988"/>
                    <a:pt x="11116" y="4251"/>
                    <a:pt x="11433" y="3563"/>
                  </a:cubicBezTo>
                  <a:lnTo>
                    <a:pt x="11433" y="3563"/>
                  </a:lnTo>
                  <a:cubicBezTo>
                    <a:pt x="9867" y="4514"/>
                    <a:pt x="8348" y="5534"/>
                    <a:pt x="6869" y="6622"/>
                  </a:cubicBezTo>
                  <a:cubicBezTo>
                    <a:pt x="6762" y="6700"/>
                    <a:pt x="6052" y="7021"/>
                    <a:pt x="5624" y="7021"/>
                  </a:cubicBezTo>
                  <a:cubicBezTo>
                    <a:pt x="5521" y="7021"/>
                    <a:pt x="5435" y="7004"/>
                    <a:pt x="5378" y="6957"/>
                  </a:cubicBezTo>
                  <a:lnTo>
                    <a:pt x="5378" y="6957"/>
                  </a:lnTo>
                  <a:cubicBezTo>
                    <a:pt x="5321" y="7570"/>
                    <a:pt x="5917" y="7902"/>
                    <a:pt x="6505" y="7902"/>
                  </a:cubicBezTo>
                  <a:cubicBezTo>
                    <a:pt x="6833" y="7902"/>
                    <a:pt x="7161" y="7795"/>
                    <a:pt x="7368" y="7577"/>
                  </a:cubicBezTo>
                  <a:cubicBezTo>
                    <a:pt x="8527" y="6365"/>
                    <a:pt x="9768" y="5274"/>
                    <a:pt x="11101" y="4300"/>
                  </a:cubicBezTo>
                  <a:lnTo>
                    <a:pt x="11101" y="4300"/>
                  </a:lnTo>
                  <a:cubicBezTo>
                    <a:pt x="10795" y="4886"/>
                    <a:pt x="10513" y="5481"/>
                    <a:pt x="10249" y="6098"/>
                  </a:cubicBezTo>
                  <a:cubicBezTo>
                    <a:pt x="9946" y="6804"/>
                    <a:pt x="10616" y="7085"/>
                    <a:pt x="11276" y="7085"/>
                  </a:cubicBezTo>
                  <a:cubicBezTo>
                    <a:pt x="11654" y="7085"/>
                    <a:pt x="12028" y="6996"/>
                    <a:pt x="12221" y="6840"/>
                  </a:cubicBezTo>
                  <a:cubicBezTo>
                    <a:pt x="14050" y="5374"/>
                    <a:pt x="16029" y="4126"/>
                    <a:pt x="18126" y="3113"/>
                  </a:cubicBezTo>
                  <a:cubicBezTo>
                    <a:pt x="18097" y="2971"/>
                    <a:pt x="18055" y="2867"/>
                    <a:pt x="17987" y="2828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0" name="Google Shape;2301;p54">
              <a:extLst>
                <a:ext uri="{FF2B5EF4-FFF2-40B4-BE49-F238E27FC236}">
                  <a16:creationId xmlns:a16="http://schemas.microsoft.com/office/drawing/2014/main" id="{F2CD7722-7EC4-2312-8B19-70F20506C1EF}"/>
                </a:ext>
              </a:extLst>
            </p:cNvPr>
            <p:cNvSpPr/>
            <p:nvPr/>
          </p:nvSpPr>
          <p:spPr>
            <a:xfrm>
              <a:off x="1980627" y="3951650"/>
              <a:ext cx="18078" cy="8744"/>
            </a:xfrm>
            <a:custGeom>
              <a:avLst/>
              <a:gdLst/>
              <a:ahLst/>
              <a:cxnLst/>
              <a:rect l="l" t="t" r="r" b="b"/>
              <a:pathLst>
                <a:path w="643" h="311" extrusionOk="0">
                  <a:moveTo>
                    <a:pt x="643" y="1"/>
                  </a:moveTo>
                  <a:lnTo>
                    <a:pt x="643" y="1"/>
                  </a:lnTo>
                  <a:cubicBezTo>
                    <a:pt x="429" y="103"/>
                    <a:pt x="215" y="207"/>
                    <a:pt x="1" y="311"/>
                  </a:cubicBezTo>
                  <a:cubicBezTo>
                    <a:pt x="204" y="236"/>
                    <a:pt x="404" y="157"/>
                    <a:pt x="607" y="79"/>
                  </a:cubicBezTo>
                  <a:cubicBezTo>
                    <a:pt x="618" y="54"/>
                    <a:pt x="632" y="26"/>
                    <a:pt x="643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1" name="Google Shape;2302;p54">
              <a:extLst>
                <a:ext uri="{FF2B5EF4-FFF2-40B4-BE49-F238E27FC236}">
                  <a16:creationId xmlns:a16="http://schemas.microsoft.com/office/drawing/2014/main" id="{98C76354-19C3-235A-DE0D-854E28A38888}"/>
                </a:ext>
              </a:extLst>
            </p:cNvPr>
            <p:cNvSpPr/>
            <p:nvPr/>
          </p:nvSpPr>
          <p:spPr>
            <a:xfrm>
              <a:off x="1885292" y="3907623"/>
              <a:ext cx="151905" cy="70119"/>
            </a:xfrm>
            <a:custGeom>
              <a:avLst/>
              <a:gdLst/>
              <a:ahLst/>
              <a:cxnLst/>
              <a:rect l="l" t="t" r="r" b="b"/>
              <a:pathLst>
                <a:path w="5403" h="2494" extrusionOk="0">
                  <a:moveTo>
                    <a:pt x="5021" y="1"/>
                  </a:moveTo>
                  <a:cubicBezTo>
                    <a:pt x="4732" y="1"/>
                    <a:pt x="4444" y="55"/>
                    <a:pt x="4223" y="150"/>
                  </a:cubicBezTo>
                  <a:cubicBezTo>
                    <a:pt x="2985" y="693"/>
                    <a:pt x="1730" y="1177"/>
                    <a:pt x="453" y="1605"/>
                  </a:cubicBezTo>
                  <a:cubicBezTo>
                    <a:pt x="0" y="1759"/>
                    <a:pt x="89" y="2130"/>
                    <a:pt x="443" y="2322"/>
                  </a:cubicBezTo>
                  <a:cubicBezTo>
                    <a:pt x="667" y="2444"/>
                    <a:pt x="935" y="2494"/>
                    <a:pt x="1206" y="2494"/>
                  </a:cubicBezTo>
                  <a:cubicBezTo>
                    <a:pt x="1501" y="2494"/>
                    <a:pt x="1805" y="2433"/>
                    <a:pt x="2058" y="2347"/>
                  </a:cubicBezTo>
                  <a:cubicBezTo>
                    <a:pt x="2504" y="2197"/>
                    <a:pt x="2949" y="2041"/>
                    <a:pt x="3392" y="1877"/>
                  </a:cubicBezTo>
                  <a:cubicBezTo>
                    <a:pt x="3606" y="1773"/>
                    <a:pt x="3820" y="1669"/>
                    <a:pt x="4034" y="1567"/>
                  </a:cubicBezTo>
                  <a:lnTo>
                    <a:pt x="4034" y="1567"/>
                  </a:lnTo>
                  <a:cubicBezTo>
                    <a:pt x="4023" y="1592"/>
                    <a:pt x="4009" y="1620"/>
                    <a:pt x="3998" y="1645"/>
                  </a:cubicBezTo>
                  <a:cubicBezTo>
                    <a:pt x="4012" y="1641"/>
                    <a:pt x="4023" y="1638"/>
                    <a:pt x="4037" y="1631"/>
                  </a:cubicBezTo>
                  <a:cubicBezTo>
                    <a:pt x="4261" y="1260"/>
                    <a:pt x="4518" y="903"/>
                    <a:pt x="4804" y="553"/>
                  </a:cubicBezTo>
                  <a:cubicBezTo>
                    <a:pt x="4939" y="390"/>
                    <a:pt x="5156" y="190"/>
                    <a:pt x="5403" y="33"/>
                  </a:cubicBezTo>
                  <a:cubicBezTo>
                    <a:pt x="5278" y="12"/>
                    <a:pt x="5150" y="1"/>
                    <a:pt x="5021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2" name="Google Shape;2303;p54">
              <a:extLst>
                <a:ext uri="{FF2B5EF4-FFF2-40B4-BE49-F238E27FC236}">
                  <a16:creationId xmlns:a16="http://schemas.microsoft.com/office/drawing/2014/main" id="{6F1279FC-2DC5-D7E3-978E-E492A7A550F3}"/>
                </a:ext>
              </a:extLst>
            </p:cNvPr>
            <p:cNvSpPr/>
            <p:nvPr/>
          </p:nvSpPr>
          <p:spPr>
            <a:xfrm>
              <a:off x="1965080" y="3928906"/>
              <a:ext cx="381802" cy="117689"/>
            </a:xfrm>
            <a:custGeom>
              <a:avLst/>
              <a:gdLst/>
              <a:ahLst/>
              <a:cxnLst/>
              <a:rect l="l" t="t" r="r" b="b"/>
              <a:pathLst>
                <a:path w="13580" h="4186" extrusionOk="0">
                  <a:moveTo>
                    <a:pt x="13580" y="0"/>
                  </a:moveTo>
                  <a:lnTo>
                    <a:pt x="13580" y="0"/>
                  </a:lnTo>
                  <a:cubicBezTo>
                    <a:pt x="13333" y="111"/>
                    <a:pt x="13091" y="224"/>
                    <a:pt x="12845" y="342"/>
                  </a:cubicBezTo>
                  <a:cubicBezTo>
                    <a:pt x="12898" y="613"/>
                    <a:pt x="12895" y="1031"/>
                    <a:pt x="12869" y="1434"/>
                  </a:cubicBezTo>
                  <a:cubicBezTo>
                    <a:pt x="13109" y="955"/>
                    <a:pt x="13344" y="478"/>
                    <a:pt x="13580" y="0"/>
                  </a:cubicBezTo>
                  <a:close/>
                  <a:moveTo>
                    <a:pt x="1078" y="1080"/>
                  </a:moveTo>
                  <a:lnTo>
                    <a:pt x="1078" y="1080"/>
                  </a:lnTo>
                  <a:cubicBezTo>
                    <a:pt x="579" y="1954"/>
                    <a:pt x="236" y="2892"/>
                    <a:pt x="29" y="3922"/>
                  </a:cubicBezTo>
                  <a:cubicBezTo>
                    <a:pt x="1" y="4051"/>
                    <a:pt x="29" y="4136"/>
                    <a:pt x="97" y="4186"/>
                  </a:cubicBezTo>
                  <a:cubicBezTo>
                    <a:pt x="101" y="4147"/>
                    <a:pt x="108" y="4108"/>
                    <a:pt x="115" y="4065"/>
                  </a:cubicBezTo>
                  <a:cubicBezTo>
                    <a:pt x="347" y="3030"/>
                    <a:pt x="668" y="2036"/>
                    <a:pt x="1078" y="108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3" name="Google Shape;2304;p54">
              <a:extLst>
                <a:ext uri="{FF2B5EF4-FFF2-40B4-BE49-F238E27FC236}">
                  <a16:creationId xmlns:a16="http://schemas.microsoft.com/office/drawing/2014/main" id="{6322F2A0-4AB6-83F2-7488-622357572A5C}"/>
                </a:ext>
              </a:extLst>
            </p:cNvPr>
            <p:cNvSpPr/>
            <p:nvPr/>
          </p:nvSpPr>
          <p:spPr>
            <a:xfrm>
              <a:off x="1967779" y="3881674"/>
              <a:ext cx="529574" cy="166722"/>
            </a:xfrm>
            <a:custGeom>
              <a:avLst/>
              <a:gdLst/>
              <a:ahLst/>
              <a:cxnLst/>
              <a:rect l="l" t="t" r="r" b="b"/>
              <a:pathLst>
                <a:path w="18836" h="5930" extrusionOk="0">
                  <a:moveTo>
                    <a:pt x="8655" y="0"/>
                  </a:moveTo>
                  <a:cubicBezTo>
                    <a:pt x="8352" y="0"/>
                    <a:pt x="8002" y="79"/>
                    <a:pt x="7846" y="165"/>
                  </a:cubicBezTo>
                  <a:cubicBezTo>
                    <a:pt x="5974" y="1192"/>
                    <a:pt x="4159" y="2307"/>
                    <a:pt x="2397" y="3509"/>
                  </a:cubicBezTo>
                  <a:cubicBezTo>
                    <a:pt x="2697" y="2750"/>
                    <a:pt x="3114" y="2062"/>
                    <a:pt x="3664" y="1399"/>
                  </a:cubicBezTo>
                  <a:cubicBezTo>
                    <a:pt x="3998" y="988"/>
                    <a:pt x="3677" y="774"/>
                    <a:pt x="3292" y="714"/>
                  </a:cubicBezTo>
                  <a:cubicBezTo>
                    <a:pt x="3257" y="706"/>
                    <a:pt x="3221" y="703"/>
                    <a:pt x="3185" y="703"/>
                  </a:cubicBezTo>
                  <a:cubicBezTo>
                    <a:pt x="2953" y="703"/>
                    <a:pt x="2697" y="810"/>
                    <a:pt x="2469" y="956"/>
                  </a:cubicBezTo>
                  <a:cubicBezTo>
                    <a:pt x="2629" y="984"/>
                    <a:pt x="2779" y="1031"/>
                    <a:pt x="2904" y="1103"/>
                  </a:cubicBezTo>
                  <a:cubicBezTo>
                    <a:pt x="3285" y="1305"/>
                    <a:pt x="3317" y="1630"/>
                    <a:pt x="2893" y="1815"/>
                  </a:cubicBezTo>
                  <a:cubicBezTo>
                    <a:pt x="2301" y="2076"/>
                    <a:pt x="1706" y="2322"/>
                    <a:pt x="1103" y="2554"/>
                  </a:cubicBezTo>
                  <a:cubicBezTo>
                    <a:pt x="1060" y="2622"/>
                    <a:pt x="1021" y="2693"/>
                    <a:pt x="982" y="2760"/>
                  </a:cubicBezTo>
                  <a:cubicBezTo>
                    <a:pt x="572" y="3716"/>
                    <a:pt x="251" y="4710"/>
                    <a:pt x="19" y="5745"/>
                  </a:cubicBezTo>
                  <a:cubicBezTo>
                    <a:pt x="12" y="5788"/>
                    <a:pt x="5" y="5827"/>
                    <a:pt x="1" y="5866"/>
                  </a:cubicBezTo>
                  <a:cubicBezTo>
                    <a:pt x="58" y="5913"/>
                    <a:pt x="144" y="5930"/>
                    <a:pt x="247" y="5930"/>
                  </a:cubicBezTo>
                  <a:cubicBezTo>
                    <a:pt x="675" y="5930"/>
                    <a:pt x="1385" y="5609"/>
                    <a:pt x="1492" y="5531"/>
                  </a:cubicBezTo>
                  <a:cubicBezTo>
                    <a:pt x="2971" y="4443"/>
                    <a:pt x="4490" y="3423"/>
                    <a:pt x="6056" y="2472"/>
                  </a:cubicBezTo>
                  <a:lnTo>
                    <a:pt x="6056" y="2472"/>
                  </a:lnTo>
                  <a:cubicBezTo>
                    <a:pt x="5739" y="3160"/>
                    <a:pt x="5525" y="3897"/>
                    <a:pt x="5414" y="4693"/>
                  </a:cubicBezTo>
                  <a:cubicBezTo>
                    <a:pt x="5379" y="4942"/>
                    <a:pt x="5546" y="5021"/>
                    <a:pt x="5774" y="5021"/>
                  </a:cubicBezTo>
                  <a:cubicBezTo>
                    <a:pt x="6127" y="5021"/>
                    <a:pt x="6616" y="4835"/>
                    <a:pt x="6712" y="4786"/>
                  </a:cubicBezTo>
                  <a:cubicBezTo>
                    <a:pt x="8185" y="4040"/>
                    <a:pt x="9654" y="3298"/>
                    <a:pt x="11126" y="2554"/>
                  </a:cubicBezTo>
                  <a:cubicBezTo>
                    <a:pt x="11294" y="2468"/>
                    <a:pt x="12538" y="1737"/>
                    <a:pt x="12610" y="1737"/>
                  </a:cubicBezTo>
                  <a:cubicBezTo>
                    <a:pt x="12678" y="1776"/>
                    <a:pt x="12720" y="1880"/>
                    <a:pt x="12749" y="2022"/>
                  </a:cubicBezTo>
                  <a:cubicBezTo>
                    <a:pt x="12995" y="1904"/>
                    <a:pt x="13237" y="1791"/>
                    <a:pt x="13484" y="1680"/>
                  </a:cubicBezTo>
                  <a:lnTo>
                    <a:pt x="13484" y="1680"/>
                  </a:lnTo>
                  <a:cubicBezTo>
                    <a:pt x="13248" y="2158"/>
                    <a:pt x="13013" y="2635"/>
                    <a:pt x="12773" y="3114"/>
                  </a:cubicBezTo>
                  <a:cubicBezTo>
                    <a:pt x="12745" y="3606"/>
                    <a:pt x="12688" y="4076"/>
                    <a:pt x="12674" y="4240"/>
                  </a:cubicBezTo>
                  <a:cubicBezTo>
                    <a:pt x="12649" y="4490"/>
                    <a:pt x="12831" y="4572"/>
                    <a:pt x="13066" y="4572"/>
                  </a:cubicBezTo>
                  <a:cubicBezTo>
                    <a:pt x="13408" y="4572"/>
                    <a:pt x="13865" y="4401"/>
                    <a:pt x="13976" y="4330"/>
                  </a:cubicBezTo>
                  <a:cubicBezTo>
                    <a:pt x="15498" y="3377"/>
                    <a:pt x="17070" y="2536"/>
                    <a:pt x="18707" y="1812"/>
                  </a:cubicBezTo>
                  <a:cubicBezTo>
                    <a:pt x="18772" y="1391"/>
                    <a:pt x="18811" y="974"/>
                    <a:pt x="18836" y="543"/>
                  </a:cubicBezTo>
                  <a:lnTo>
                    <a:pt x="18836" y="543"/>
                  </a:lnTo>
                  <a:cubicBezTo>
                    <a:pt x="17463" y="1138"/>
                    <a:pt x="16125" y="1801"/>
                    <a:pt x="14827" y="2539"/>
                  </a:cubicBezTo>
                  <a:cubicBezTo>
                    <a:pt x="14885" y="1423"/>
                    <a:pt x="14767" y="268"/>
                    <a:pt x="13722" y="268"/>
                  </a:cubicBezTo>
                  <a:cubicBezTo>
                    <a:pt x="13519" y="268"/>
                    <a:pt x="13283" y="311"/>
                    <a:pt x="13009" y="403"/>
                  </a:cubicBezTo>
                  <a:cubicBezTo>
                    <a:pt x="11198" y="1020"/>
                    <a:pt x="9414" y="2065"/>
                    <a:pt x="7678" y="3025"/>
                  </a:cubicBezTo>
                  <a:cubicBezTo>
                    <a:pt x="7928" y="2129"/>
                    <a:pt x="8363" y="1356"/>
                    <a:pt x="9001" y="610"/>
                  </a:cubicBezTo>
                  <a:cubicBezTo>
                    <a:pt x="9401" y="147"/>
                    <a:pt x="9072" y="0"/>
                    <a:pt x="8655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4" name="Google Shape;2305;p54">
              <a:extLst>
                <a:ext uri="{FF2B5EF4-FFF2-40B4-BE49-F238E27FC236}">
                  <a16:creationId xmlns:a16="http://schemas.microsoft.com/office/drawing/2014/main" id="{8161FDAE-B1F0-A1E3-D79E-B835729850D6}"/>
                </a:ext>
              </a:extLst>
            </p:cNvPr>
            <p:cNvSpPr/>
            <p:nvPr/>
          </p:nvSpPr>
          <p:spPr>
            <a:xfrm>
              <a:off x="1998789" y="3908551"/>
              <a:ext cx="62247" cy="44928"/>
            </a:xfrm>
            <a:custGeom>
              <a:avLst/>
              <a:gdLst/>
              <a:ahLst/>
              <a:cxnLst/>
              <a:rect l="l" t="t" r="r" b="b"/>
              <a:pathLst>
                <a:path w="2214" h="1598" extrusionOk="0">
                  <a:moveTo>
                    <a:pt x="1366" y="0"/>
                  </a:moveTo>
                  <a:cubicBezTo>
                    <a:pt x="1119" y="157"/>
                    <a:pt x="902" y="357"/>
                    <a:pt x="767" y="520"/>
                  </a:cubicBezTo>
                  <a:cubicBezTo>
                    <a:pt x="481" y="870"/>
                    <a:pt x="224" y="1227"/>
                    <a:pt x="0" y="1598"/>
                  </a:cubicBezTo>
                  <a:cubicBezTo>
                    <a:pt x="603" y="1366"/>
                    <a:pt x="1198" y="1120"/>
                    <a:pt x="1790" y="859"/>
                  </a:cubicBezTo>
                  <a:cubicBezTo>
                    <a:pt x="2214" y="674"/>
                    <a:pt x="2182" y="349"/>
                    <a:pt x="1801" y="147"/>
                  </a:cubicBezTo>
                  <a:cubicBezTo>
                    <a:pt x="1676" y="75"/>
                    <a:pt x="1526" y="28"/>
                    <a:pt x="136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5" name="Google Shape;2306;p54">
              <a:extLst>
                <a:ext uri="{FF2B5EF4-FFF2-40B4-BE49-F238E27FC236}">
                  <a16:creationId xmlns:a16="http://schemas.microsoft.com/office/drawing/2014/main" id="{D689697D-4F7E-7126-50A2-FC8960A4F54E}"/>
                </a:ext>
              </a:extLst>
            </p:cNvPr>
            <p:cNvSpPr/>
            <p:nvPr/>
          </p:nvSpPr>
          <p:spPr>
            <a:xfrm>
              <a:off x="2486262" y="3887494"/>
              <a:ext cx="316153" cy="104785"/>
            </a:xfrm>
            <a:custGeom>
              <a:avLst/>
              <a:gdLst/>
              <a:ahLst/>
              <a:cxnLst/>
              <a:rect l="l" t="t" r="r" b="b"/>
              <a:pathLst>
                <a:path w="11245" h="3727" extrusionOk="0">
                  <a:moveTo>
                    <a:pt x="9404" y="0"/>
                  </a:moveTo>
                  <a:cubicBezTo>
                    <a:pt x="9536" y="172"/>
                    <a:pt x="9586" y="382"/>
                    <a:pt x="9483" y="624"/>
                  </a:cubicBezTo>
                  <a:cubicBezTo>
                    <a:pt x="9436" y="738"/>
                    <a:pt x="9386" y="853"/>
                    <a:pt x="9340" y="963"/>
                  </a:cubicBezTo>
                  <a:cubicBezTo>
                    <a:pt x="9604" y="878"/>
                    <a:pt x="9875" y="802"/>
                    <a:pt x="10150" y="738"/>
                  </a:cubicBezTo>
                  <a:cubicBezTo>
                    <a:pt x="10150" y="417"/>
                    <a:pt x="9793" y="143"/>
                    <a:pt x="9404" y="0"/>
                  </a:cubicBezTo>
                  <a:close/>
                  <a:moveTo>
                    <a:pt x="5364" y="688"/>
                  </a:moveTo>
                  <a:lnTo>
                    <a:pt x="5364" y="688"/>
                  </a:lnTo>
                  <a:cubicBezTo>
                    <a:pt x="4633" y="892"/>
                    <a:pt x="3906" y="1113"/>
                    <a:pt x="3185" y="1355"/>
                  </a:cubicBezTo>
                  <a:cubicBezTo>
                    <a:pt x="3111" y="1480"/>
                    <a:pt x="3043" y="1608"/>
                    <a:pt x="2971" y="1733"/>
                  </a:cubicBezTo>
                  <a:cubicBezTo>
                    <a:pt x="3766" y="1376"/>
                    <a:pt x="4562" y="1031"/>
                    <a:pt x="5364" y="688"/>
                  </a:cubicBezTo>
                  <a:close/>
                  <a:moveTo>
                    <a:pt x="511" y="1786"/>
                  </a:moveTo>
                  <a:cubicBezTo>
                    <a:pt x="412" y="1837"/>
                    <a:pt x="312" y="1883"/>
                    <a:pt x="211" y="1933"/>
                  </a:cubicBezTo>
                  <a:cubicBezTo>
                    <a:pt x="162" y="2219"/>
                    <a:pt x="98" y="2500"/>
                    <a:pt x="22" y="2785"/>
                  </a:cubicBezTo>
                  <a:cubicBezTo>
                    <a:pt x="12" y="2828"/>
                    <a:pt x="5" y="2871"/>
                    <a:pt x="1" y="2910"/>
                  </a:cubicBezTo>
                  <a:cubicBezTo>
                    <a:pt x="162" y="2528"/>
                    <a:pt x="333" y="2158"/>
                    <a:pt x="511" y="1786"/>
                  </a:cubicBezTo>
                  <a:close/>
                  <a:moveTo>
                    <a:pt x="11233" y="2397"/>
                  </a:moveTo>
                  <a:lnTo>
                    <a:pt x="11233" y="2397"/>
                  </a:lnTo>
                  <a:cubicBezTo>
                    <a:pt x="10103" y="2543"/>
                    <a:pt x="9034" y="2984"/>
                    <a:pt x="8085" y="3720"/>
                  </a:cubicBezTo>
                  <a:cubicBezTo>
                    <a:pt x="8082" y="3722"/>
                    <a:pt x="8080" y="3724"/>
                    <a:pt x="8078" y="3725"/>
                  </a:cubicBezTo>
                  <a:lnTo>
                    <a:pt x="8078" y="3725"/>
                  </a:lnTo>
                  <a:cubicBezTo>
                    <a:pt x="8929" y="3476"/>
                    <a:pt x="9779" y="3227"/>
                    <a:pt x="10634" y="2978"/>
                  </a:cubicBezTo>
                  <a:cubicBezTo>
                    <a:pt x="11076" y="2846"/>
                    <a:pt x="11244" y="2628"/>
                    <a:pt x="11233" y="2397"/>
                  </a:cubicBezTo>
                  <a:close/>
                  <a:moveTo>
                    <a:pt x="8078" y="3725"/>
                  </a:moveTo>
                  <a:cubicBezTo>
                    <a:pt x="8077" y="3726"/>
                    <a:pt x="8076" y="3726"/>
                    <a:pt x="8074" y="3726"/>
                  </a:cubicBezTo>
                  <a:cubicBezTo>
                    <a:pt x="8076" y="3726"/>
                    <a:pt x="8077" y="3726"/>
                    <a:pt x="8078" y="3725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6" name="Google Shape;2307;p54">
              <a:extLst>
                <a:ext uri="{FF2B5EF4-FFF2-40B4-BE49-F238E27FC236}">
                  <a16:creationId xmlns:a16="http://schemas.microsoft.com/office/drawing/2014/main" id="{5E97AE54-F72A-B5F3-3006-632A1FBEC64C}"/>
                </a:ext>
              </a:extLst>
            </p:cNvPr>
            <p:cNvSpPr/>
            <p:nvPr/>
          </p:nvSpPr>
          <p:spPr>
            <a:xfrm>
              <a:off x="2484266" y="3875376"/>
              <a:ext cx="317840" cy="121119"/>
            </a:xfrm>
            <a:custGeom>
              <a:avLst/>
              <a:gdLst/>
              <a:ahLst/>
              <a:cxnLst/>
              <a:rect l="l" t="t" r="r" b="b"/>
              <a:pathLst>
                <a:path w="11305" h="4308" extrusionOk="0">
                  <a:moveTo>
                    <a:pt x="1556" y="0"/>
                  </a:moveTo>
                  <a:cubicBezTo>
                    <a:pt x="1018" y="0"/>
                    <a:pt x="496" y="242"/>
                    <a:pt x="468" y="752"/>
                  </a:cubicBezTo>
                  <a:cubicBezTo>
                    <a:pt x="468" y="756"/>
                    <a:pt x="468" y="763"/>
                    <a:pt x="465" y="767"/>
                  </a:cubicBezTo>
                  <a:cubicBezTo>
                    <a:pt x="707" y="660"/>
                    <a:pt x="953" y="560"/>
                    <a:pt x="1196" y="456"/>
                  </a:cubicBezTo>
                  <a:cubicBezTo>
                    <a:pt x="1438" y="356"/>
                    <a:pt x="1623" y="313"/>
                    <a:pt x="1762" y="313"/>
                  </a:cubicBezTo>
                  <a:cubicBezTo>
                    <a:pt x="2447" y="313"/>
                    <a:pt x="1969" y="1348"/>
                    <a:pt x="1163" y="1679"/>
                  </a:cubicBezTo>
                  <a:cubicBezTo>
                    <a:pt x="885" y="1794"/>
                    <a:pt x="611" y="1914"/>
                    <a:pt x="336" y="2036"/>
                  </a:cubicBezTo>
                  <a:cubicBezTo>
                    <a:pt x="318" y="2143"/>
                    <a:pt x="300" y="2253"/>
                    <a:pt x="282" y="2364"/>
                  </a:cubicBezTo>
                  <a:cubicBezTo>
                    <a:pt x="383" y="2314"/>
                    <a:pt x="483" y="2268"/>
                    <a:pt x="582" y="2217"/>
                  </a:cubicBezTo>
                  <a:lnTo>
                    <a:pt x="582" y="2217"/>
                  </a:lnTo>
                  <a:cubicBezTo>
                    <a:pt x="404" y="2589"/>
                    <a:pt x="233" y="2959"/>
                    <a:pt x="72" y="3341"/>
                  </a:cubicBezTo>
                  <a:cubicBezTo>
                    <a:pt x="1" y="3950"/>
                    <a:pt x="646" y="4307"/>
                    <a:pt x="1245" y="4307"/>
                  </a:cubicBezTo>
                  <a:cubicBezTo>
                    <a:pt x="1413" y="4307"/>
                    <a:pt x="1577" y="4279"/>
                    <a:pt x="1719" y="4218"/>
                  </a:cubicBezTo>
                  <a:cubicBezTo>
                    <a:pt x="3363" y="3540"/>
                    <a:pt x="5032" y="2970"/>
                    <a:pt x="6737" y="2517"/>
                  </a:cubicBezTo>
                  <a:lnTo>
                    <a:pt x="6737" y="2517"/>
                  </a:lnTo>
                  <a:cubicBezTo>
                    <a:pt x="6630" y="2727"/>
                    <a:pt x="6533" y="2949"/>
                    <a:pt x="6444" y="3177"/>
                  </a:cubicBezTo>
                  <a:cubicBezTo>
                    <a:pt x="6156" y="3919"/>
                    <a:pt x="6997" y="4233"/>
                    <a:pt x="7653" y="4233"/>
                  </a:cubicBezTo>
                  <a:cubicBezTo>
                    <a:pt x="7810" y="4233"/>
                    <a:pt x="7953" y="4215"/>
                    <a:pt x="8070" y="4182"/>
                  </a:cubicBezTo>
                  <a:cubicBezTo>
                    <a:pt x="8095" y="4175"/>
                    <a:pt x="8121" y="4169"/>
                    <a:pt x="8145" y="4157"/>
                  </a:cubicBezTo>
                  <a:cubicBezTo>
                    <a:pt x="8149" y="4157"/>
                    <a:pt x="8152" y="4154"/>
                    <a:pt x="8156" y="4151"/>
                  </a:cubicBezTo>
                  <a:cubicBezTo>
                    <a:pt x="9105" y="3415"/>
                    <a:pt x="10174" y="2974"/>
                    <a:pt x="11304" y="2828"/>
                  </a:cubicBezTo>
                  <a:cubicBezTo>
                    <a:pt x="11283" y="2389"/>
                    <a:pt x="10616" y="1908"/>
                    <a:pt x="9964" y="1908"/>
                  </a:cubicBezTo>
                  <a:cubicBezTo>
                    <a:pt x="9871" y="1908"/>
                    <a:pt x="9782" y="1914"/>
                    <a:pt x="9693" y="1936"/>
                  </a:cubicBezTo>
                  <a:cubicBezTo>
                    <a:pt x="9793" y="1822"/>
                    <a:pt x="9900" y="1708"/>
                    <a:pt x="10010" y="1597"/>
                  </a:cubicBezTo>
                  <a:cubicBezTo>
                    <a:pt x="10160" y="1451"/>
                    <a:pt x="10221" y="1305"/>
                    <a:pt x="10221" y="1169"/>
                  </a:cubicBezTo>
                  <a:lnTo>
                    <a:pt x="10221" y="1169"/>
                  </a:lnTo>
                  <a:cubicBezTo>
                    <a:pt x="9946" y="1233"/>
                    <a:pt x="9675" y="1309"/>
                    <a:pt x="9411" y="1394"/>
                  </a:cubicBezTo>
                  <a:cubicBezTo>
                    <a:pt x="9457" y="1284"/>
                    <a:pt x="9507" y="1169"/>
                    <a:pt x="9554" y="1055"/>
                  </a:cubicBezTo>
                  <a:cubicBezTo>
                    <a:pt x="9657" y="813"/>
                    <a:pt x="9607" y="603"/>
                    <a:pt x="9475" y="431"/>
                  </a:cubicBezTo>
                  <a:cubicBezTo>
                    <a:pt x="9293" y="367"/>
                    <a:pt x="9105" y="328"/>
                    <a:pt x="8940" y="328"/>
                  </a:cubicBezTo>
                  <a:cubicBezTo>
                    <a:pt x="8887" y="328"/>
                    <a:pt x="8833" y="331"/>
                    <a:pt x="8787" y="342"/>
                  </a:cubicBezTo>
                  <a:cubicBezTo>
                    <a:pt x="7657" y="556"/>
                    <a:pt x="6541" y="816"/>
                    <a:pt x="5435" y="1119"/>
                  </a:cubicBezTo>
                  <a:cubicBezTo>
                    <a:pt x="4633" y="1462"/>
                    <a:pt x="3837" y="1807"/>
                    <a:pt x="3042" y="2164"/>
                  </a:cubicBezTo>
                  <a:cubicBezTo>
                    <a:pt x="3114" y="2039"/>
                    <a:pt x="3182" y="1911"/>
                    <a:pt x="3256" y="1786"/>
                  </a:cubicBezTo>
                  <a:lnTo>
                    <a:pt x="3256" y="1786"/>
                  </a:lnTo>
                  <a:cubicBezTo>
                    <a:pt x="3050" y="1854"/>
                    <a:pt x="2843" y="1926"/>
                    <a:pt x="2636" y="2000"/>
                  </a:cubicBezTo>
                  <a:cubicBezTo>
                    <a:pt x="2690" y="1629"/>
                    <a:pt x="2729" y="1259"/>
                    <a:pt x="2751" y="877"/>
                  </a:cubicBezTo>
                  <a:cubicBezTo>
                    <a:pt x="2782" y="306"/>
                    <a:pt x="2158" y="0"/>
                    <a:pt x="155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7" name="Google Shape;2308;p54">
              <a:extLst>
                <a:ext uri="{FF2B5EF4-FFF2-40B4-BE49-F238E27FC236}">
                  <a16:creationId xmlns:a16="http://schemas.microsoft.com/office/drawing/2014/main" id="{F1AF8741-D89F-1BF1-900F-451FD573FA13}"/>
                </a:ext>
              </a:extLst>
            </p:cNvPr>
            <p:cNvSpPr/>
            <p:nvPr/>
          </p:nvSpPr>
          <p:spPr>
            <a:xfrm>
              <a:off x="2493712" y="3884176"/>
              <a:ext cx="59351" cy="48442"/>
            </a:xfrm>
            <a:custGeom>
              <a:avLst/>
              <a:gdLst/>
              <a:ahLst/>
              <a:cxnLst/>
              <a:rect l="l" t="t" r="r" b="b"/>
              <a:pathLst>
                <a:path w="2111" h="1723" extrusionOk="0">
                  <a:moveTo>
                    <a:pt x="1426" y="0"/>
                  </a:moveTo>
                  <a:cubicBezTo>
                    <a:pt x="1287" y="0"/>
                    <a:pt x="1102" y="43"/>
                    <a:pt x="860" y="143"/>
                  </a:cubicBezTo>
                  <a:cubicBezTo>
                    <a:pt x="617" y="247"/>
                    <a:pt x="371" y="347"/>
                    <a:pt x="129" y="454"/>
                  </a:cubicBezTo>
                  <a:cubicBezTo>
                    <a:pt x="104" y="885"/>
                    <a:pt x="65" y="1302"/>
                    <a:pt x="0" y="1723"/>
                  </a:cubicBezTo>
                  <a:cubicBezTo>
                    <a:pt x="275" y="1601"/>
                    <a:pt x="549" y="1481"/>
                    <a:pt x="827" y="1366"/>
                  </a:cubicBezTo>
                  <a:cubicBezTo>
                    <a:pt x="1633" y="1035"/>
                    <a:pt x="2111" y="0"/>
                    <a:pt x="142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  <p:sp>
        <p:nvSpPr>
          <p:cNvPr id="18" name="Google Shape;1050;p35">
            <a:extLst>
              <a:ext uri="{FF2B5EF4-FFF2-40B4-BE49-F238E27FC236}">
                <a16:creationId xmlns:a16="http://schemas.microsoft.com/office/drawing/2014/main" id="{C0BF6F22-8BE9-DC46-324C-5B2AFDCA7873}"/>
              </a:ext>
            </a:extLst>
          </p:cNvPr>
          <p:cNvSpPr txBox="1">
            <a:spLocks/>
          </p:cNvSpPr>
          <p:nvPr/>
        </p:nvSpPr>
        <p:spPr>
          <a:xfrm>
            <a:off x="762000" y="3027022"/>
            <a:ext cx="4195067" cy="105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Comfortaa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/>
                <a:sym typeface="Comfortaa"/>
              </a:rPr>
              <a:t>Etkinlik yapıyoruz</a:t>
            </a:r>
          </a:p>
        </p:txBody>
      </p:sp>
      <p:sp>
        <p:nvSpPr>
          <p:cNvPr id="19" name="Google Shape;1051;p35">
            <a:extLst>
              <a:ext uri="{FF2B5EF4-FFF2-40B4-BE49-F238E27FC236}">
                <a16:creationId xmlns:a16="http://schemas.microsoft.com/office/drawing/2014/main" id="{051B2D90-F096-C610-9487-E7AE8DE99F8F}"/>
              </a:ext>
            </a:extLst>
          </p:cNvPr>
          <p:cNvSpPr/>
          <p:nvPr/>
        </p:nvSpPr>
        <p:spPr>
          <a:xfrm>
            <a:off x="804681" y="4216977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0" name="Google Shape;1052;p35">
            <a:extLst>
              <a:ext uri="{FF2B5EF4-FFF2-40B4-BE49-F238E27FC236}">
                <a16:creationId xmlns:a16="http://schemas.microsoft.com/office/drawing/2014/main" id="{79C0465C-5D0E-0053-F402-E2CC14FF4A4C}"/>
              </a:ext>
            </a:extLst>
          </p:cNvPr>
          <p:cNvSpPr/>
          <p:nvPr/>
        </p:nvSpPr>
        <p:spPr>
          <a:xfrm>
            <a:off x="721554" y="2564572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grpSp>
        <p:nvGrpSpPr>
          <p:cNvPr id="22" name="Grup 21">
            <a:extLst>
              <a:ext uri="{FF2B5EF4-FFF2-40B4-BE49-F238E27FC236}">
                <a16:creationId xmlns:a16="http://schemas.microsoft.com/office/drawing/2014/main" id="{D4032373-7610-E8D2-2AE2-D67B91FDB3E6}"/>
              </a:ext>
            </a:extLst>
          </p:cNvPr>
          <p:cNvGrpSpPr/>
          <p:nvPr/>
        </p:nvGrpSpPr>
        <p:grpSpPr>
          <a:xfrm>
            <a:off x="5410200" y="1466850"/>
            <a:ext cx="5943600" cy="3448050"/>
            <a:chOff x="5410200" y="1466850"/>
            <a:chExt cx="5943600" cy="3448050"/>
          </a:xfrm>
        </p:grpSpPr>
        <p:pic>
          <p:nvPicPr>
            <p:cNvPr id="7" name="Google Shape;2287;p54">
              <a:extLst>
                <a:ext uri="{FF2B5EF4-FFF2-40B4-BE49-F238E27FC236}">
                  <a16:creationId xmlns:a16="http://schemas.microsoft.com/office/drawing/2014/main" id="{DFF055DF-F509-594C-7B6C-74A2EE542D36}"/>
                </a:ext>
              </a:extLst>
            </p:cNvPr>
            <p:cNvPicPr preferRelativeResize="0"/>
            <p:nvPr/>
          </p:nvPicPr>
          <p:blipFill rotWithShape="1">
            <a:blip r:embed="rId4">
              <a:alphaModFix/>
            </a:blip>
            <a:srcRect l="4395" r="4404"/>
            <a:stretch/>
          </p:blipFill>
          <p:spPr>
            <a:xfrm>
              <a:off x="5410200" y="1466850"/>
              <a:ext cx="5943600" cy="344805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</p:pic>
        <p:sp>
          <p:nvSpPr>
            <p:cNvPr id="21" name="Yuvarlatılmış Dikdörtgen 20">
              <a:hlinkClick r:id="" action="ppaction://hlinkshowjump?jump=nextslide"/>
              <a:extLst>
                <a:ext uri="{FF2B5EF4-FFF2-40B4-BE49-F238E27FC236}">
                  <a16:creationId xmlns:a16="http://schemas.microsoft.com/office/drawing/2014/main" id="{564F6E69-1821-0E80-4532-2B296ED14096}"/>
                </a:ext>
              </a:extLst>
            </p:cNvPr>
            <p:cNvSpPr/>
            <p:nvPr/>
          </p:nvSpPr>
          <p:spPr>
            <a:xfrm>
              <a:off x="6385809" y="2383436"/>
              <a:ext cx="3972393" cy="1617064"/>
            </a:xfrm>
            <a:prstGeom prst="roundRect">
              <a:avLst>
                <a:gd name="adj" fmla="val 44477"/>
              </a:avLst>
            </a:prstGeom>
            <a:solidFill>
              <a:srgbClr val="F3F3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+mn-ea"/>
                  <a:cs typeface="+mn-cs"/>
                </a:rPr>
                <a:t>Etkinlik için tıklayınız</a:t>
              </a:r>
            </a:p>
          </p:txBody>
        </p:sp>
      </p:grpSp>
      <p:sp>
        <p:nvSpPr>
          <p:cNvPr id="23" name="Dikdörtgen 22">
            <a:extLst>
              <a:ext uri="{FF2B5EF4-FFF2-40B4-BE49-F238E27FC236}">
                <a16:creationId xmlns:a16="http://schemas.microsoft.com/office/drawing/2014/main" id="{719E5B0D-046F-EBF8-4757-8C6643C5EDC1}"/>
              </a:ext>
            </a:extLst>
          </p:cNvPr>
          <p:cNvSpPr/>
          <p:nvPr/>
        </p:nvSpPr>
        <p:spPr>
          <a:xfrm>
            <a:off x="2350731" y="6084516"/>
            <a:ext cx="305731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  <a:hlinkClick r:id="rId5"/>
              </a:rPr>
              <a:t>www.dindersimateryal.com</a:t>
            </a: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</a:rPr>
              <a:t> 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6306774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Resim 2">
            <a:extLst>
              <a:ext uri="{FF2B5EF4-FFF2-40B4-BE49-F238E27FC236}">
                <a16:creationId xmlns:a16="http://schemas.microsoft.com/office/drawing/2014/main" id="{4568416E-3780-4EFE-629D-A6AFDBB1C531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22551704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BF8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1" y="-21578"/>
            <a:ext cx="12186017" cy="193576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marL="0" marR="0" lvl="0" indent="0" algn="l" defTabSz="60966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marL="0" marR="0" lvl="0" indent="0" algn="ctr" defTabSz="609660" rtl="0" eaLnBrk="1" fontAlgn="auto" latinLnBrk="0" hangingPunct="1">
                <a:lnSpc>
                  <a:spcPts val="415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2409292" y="6725978"/>
            <a:ext cx="9776726" cy="149298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marL="0" marR="0" lvl="0" indent="0" algn="l" defTabSz="60966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marL="0" marR="0" lvl="0" indent="0" algn="ctr" defTabSz="609660" rtl="0" eaLnBrk="1" fontAlgn="auto" latinLnBrk="0" hangingPunct="1">
                <a:lnSpc>
                  <a:spcPts val="415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7208875" y="754912"/>
            <a:ext cx="4977143" cy="56126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marL="0" marR="0" lvl="0" indent="0" algn="l" defTabSz="60966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1019477" y="869089"/>
            <a:ext cx="3071682" cy="369332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ctr">
            <a:spAutoFit/>
          </a:bodyPr>
          <a:lstStyle/>
          <a:p>
            <a:pPr marL="0" marR="0" lvl="0" indent="0" algn="l" defTabSz="60966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83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177677" y="1231108"/>
            <a:ext cx="4470624" cy="37369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60" rtl="0" eaLnBrk="1" fontAlgn="auto" latinLnBrk="0" hangingPunct="1">
              <a:lnSpc>
                <a:spcPts val="342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/>
          <p:cNvSpPr txBox="1"/>
          <p:nvPr/>
        </p:nvSpPr>
        <p:spPr>
          <a:xfrm>
            <a:off x="1315301" y="2390702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60" rtl="0" eaLnBrk="1" fontAlgn="auto" latinLnBrk="0" hangingPunct="1">
              <a:lnSpc>
                <a:spcPts val="385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31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www.dindersimateryal.com</a:t>
            </a:r>
          </a:p>
        </p:txBody>
      </p:sp>
      <p:sp>
        <p:nvSpPr>
          <p:cNvPr id="40" name="Freeform 26">
            <a:hlinkClick r:id="rId5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381565" y="3232438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marL="0" marR="0" lvl="0" indent="0" algn="l" defTabSz="60966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4" name="Freeform 30">
            <a:hlinkClick r:id="rId6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381565" y="4251627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marL="0" marR="0" lvl="0" indent="0" algn="l" defTabSz="60966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6" name="Freeform 32">
            <a:hlinkClick r:id="rId6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515604" y="4394556"/>
            <a:ext cx="618314" cy="600537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60966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7" name="Freeform 33">
            <a:hlinkClick r:id="rId5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499317" y="3350190"/>
            <a:ext cx="650891" cy="650891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marL="0" marR="0" lvl="0" indent="0" algn="l" defTabSz="60966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9" name="TextBox 32">
            <a:hlinkClick r:id="rId5"/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1385713" y="3487007"/>
            <a:ext cx="1856252" cy="45634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60" rtl="0" eaLnBrk="1" fontAlgn="auto" latinLnBrk="0" hangingPunct="1">
              <a:lnSpc>
                <a:spcPts val="385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31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mustafayil34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1344453" y="4466652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60" rtl="0" eaLnBrk="1" fontAlgn="auto" latinLnBrk="0" hangingPunct="1">
              <a:lnSpc>
                <a:spcPts val="385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400" b="0" i="0" u="none" strike="noStrike" kern="1200" cap="none" spc="31" normalizeH="0" baseline="0" noProof="0" dirty="0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t.me/</a:t>
            </a:r>
            <a:r>
              <a:rPr kumimoji="0" lang="en-US" sz="2400" b="0" i="0" u="none" strike="noStrike" kern="1200" cap="none" spc="31" normalizeH="0" baseline="0" noProof="0" dirty="0" err="1">
                <a:ln>
                  <a:noFill/>
                </a:ln>
                <a:solidFill>
                  <a:srgbClr val="4F4C4C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t>Dindersimateryalcom</a:t>
            </a:r>
            <a:endParaRPr kumimoji="0" lang="en-US" sz="2400" b="0" i="0" u="none" strike="noStrike" kern="1200" cap="none" spc="31" normalizeH="0" baseline="0" noProof="0" dirty="0">
              <a:ln>
                <a:noFill/>
              </a:ln>
              <a:solidFill>
                <a:srgbClr val="4F4C4C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6300345"/>
            <a:ext cx="2555318" cy="574931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46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5" name="Freeform 26">
            <a:hlinkClick r:id="rId11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381565" y="2213249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marL="0" marR="0" lvl="0" indent="0" algn="l" defTabSz="60966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6" name="Freeform 34">
            <a:hlinkClick r:id="rId11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446630" y="2290132"/>
            <a:ext cx="756262" cy="732629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46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Oval 57"/>
          <p:cNvSpPr/>
          <p:nvPr/>
        </p:nvSpPr>
        <p:spPr>
          <a:xfrm>
            <a:off x="1312023" y="3915828"/>
            <a:ext cx="753361" cy="712441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56" name="Oval 55"/>
          <p:cNvSpPr/>
          <p:nvPr/>
        </p:nvSpPr>
        <p:spPr>
          <a:xfrm>
            <a:off x="2970437" y="3474821"/>
            <a:ext cx="1497485" cy="1526006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12" name="Yuvarlatılmış Dikdörtgen 11"/>
          <p:cNvSpPr/>
          <p:nvPr/>
        </p:nvSpPr>
        <p:spPr>
          <a:xfrm>
            <a:off x="5259415" y="122301"/>
            <a:ext cx="1347018" cy="900445"/>
          </a:xfrm>
          <a:prstGeom prst="roundRect">
            <a:avLst>
              <a:gd name="adj" fmla="val 50000"/>
            </a:avLst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11" name="Serbest Form 10"/>
          <p:cNvSpPr/>
          <p:nvPr/>
        </p:nvSpPr>
        <p:spPr>
          <a:xfrm>
            <a:off x="5754779" y="55101"/>
            <a:ext cx="6076336" cy="1034845"/>
          </a:xfrm>
          <a:custGeom>
            <a:avLst/>
            <a:gdLst>
              <a:gd name="connsiteX0" fmla="*/ 0 w 6076336"/>
              <a:gd name="connsiteY0" fmla="*/ 0 h 1327355"/>
              <a:gd name="connsiteX1" fmla="*/ 5450821 w 6076336"/>
              <a:gd name="connsiteY1" fmla="*/ 0 h 1327355"/>
              <a:gd name="connsiteX2" fmla="*/ 6076336 w 6076336"/>
              <a:gd name="connsiteY2" fmla="*/ 653855 h 1327355"/>
              <a:gd name="connsiteX3" fmla="*/ 6076336 w 6076336"/>
              <a:gd name="connsiteY3" fmla="*/ 673500 h 1327355"/>
              <a:gd name="connsiteX4" fmla="*/ 5450821 w 6076336"/>
              <a:gd name="connsiteY4" fmla="*/ 1327355 h 1327355"/>
              <a:gd name="connsiteX5" fmla="*/ 4 w 6076336"/>
              <a:gd name="connsiteY5" fmla="*/ 1327355 h 1327355"/>
              <a:gd name="connsiteX6" fmla="*/ 786581 w 6076336"/>
              <a:gd name="connsiteY6" fmla="*/ 644008 h 1327355"/>
              <a:gd name="connsiteX7" fmla="*/ 0 w 6076336"/>
              <a:gd name="connsiteY7" fmla="*/ 1 h 1327355"/>
              <a:gd name="connsiteX8" fmla="*/ 0 w 6076336"/>
              <a:gd name="connsiteY8" fmla="*/ 0 h 132735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6076336" h="1327355">
                <a:moveTo>
                  <a:pt x="0" y="0"/>
                </a:moveTo>
                <a:lnTo>
                  <a:pt x="5450821" y="0"/>
                </a:lnTo>
                <a:cubicBezTo>
                  <a:pt x="5796283" y="0"/>
                  <a:pt x="6076336" y="292741"/>
                  <a:pt x="6076336" y="653855"/>
                </a:cubicBezTo>
                <a:lnTo>
                  <a:pt x="6076336" y="673500"/>
                </a:lnTo>
                <a:cubicBezTo>
                  <a:pt x="6076336" y="1034614"/>
                  <a:pt x="5796283" y="1327355"/>
                  <a:pt x="5450821" y="1327355"/>
                </a:cubicBezTo>
                <a:lnTo>
                  <a:pt x="4" y="1327355"/>
                </a:lnTo>
                <a:lnTo>
                  <a:pt x="786581" y="644008"/>
                </a:lnTo>
                <a:lnTo>
                  <a:pt x="0" y="1"/>
                </a:lnTo>
                <a:lnTo>
                  <a:pt x="0" y="0"/>
                </a:lnTo>
                <a:close/>
              </a:path>
            </a:pathLst>
          </a:cu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65000"/>
                </a:schemeClr>
              </a:gs>
            </a:gsLst>
            <a:lin ang="18900000" scaled="1"/>
            <a:tileRect/>
          </a:gradFill>
          <a:ln>
            <a:noFill/>
          </a:ln>
          <a:effectLst>
            <a:outerShdw blurRad="254000" dist="152400" dir="8100000" algn="tr" rotWithShape="0">
              <a:prstClr val="black">
                <a:alpha val="62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endParaRPr lang="tr-TR" sz="7200" dirty="0">
              <a:solidFill>
                <a:schemeClr val="bg1"/>
              </a:solidFill>
            </a:endParaRPr>
          </a:p>
        </p:txBody>
      </p:sp>
      <p:sp>
        <p:nvSpPr>
          <p:cNvPr id="2" name="Dikdörtgen 1"/>
          <p:cNvSpPr/>
          <p:nvPr/>
        </p:nvSpPr>
        <p:spPr>
          <a:xfrm>
            <a:off x="5218238" y="-68478"/>
            <a:ext cx="652744" cy="1200329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tr-TR" sz="7200" dirty="0">
                <a:ln w="0"/>
                <a:solidFill>
                  <a:schemeClr val="bg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rPr>
              <a:t>1</a:t>
            </a:r>
            <a:endParaRPr lang="tr-TR" sz="7200" b="0" cap="none" spc="0" dirty="0">
              <a:ln w="0"/>
              <a:solidFill>
                <a:schemeClr val="bg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</a:endParaRPr>
          </a:p>
        </p:txBody>
      </p:sp>
      <p:sp>
        <p:nvSpPr>
          <p:cNvPr id="3" name="İkizkenar Üçgen 2"/>
          <p:cNvSpPr/>
          <p:nvPr/>
        </p:nvSpPr>
        <p:spPr>
          <a:xfrm rot="5400000">
            <a:off x="5750701" y="347455"/>
            <a:ext cx="698091" cy="481781"/>
          </a:xfrm>
          <a:prstGeom prst="triangle">
            <a:avLst>
              <a:gd name="adj" fmla="val 43936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7" name="Oval 6"/>
          <p:cNvSpPr/>
          <p:nvPr/>
        </p:nvSpPr>
        <p:spPr>
          <a:xfrm>
            <a:off x="1441079" y="2116145"/>
            <a:ext cx="2463233" cy="2257403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53" name="Oval 52"/>
          <p:cNvSpPr/>
          <p:nvPr/>
        </p:nvSpPr>
        <p:spPr>
          <a:xfrm>
            <a:off x="417075" y="1502513"/>
            <a:ext cx="1497485" cy="1526006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54" name="Oval 53"/>
          <p:cNvSpPr/>
          <p:nvPr/>
        </p:nvSpPr>
        <p:spPr>
          <a:xfrm>
            <a:off x="2058824" y="1258996"/>
            <a:ext cx="645946" cy="728115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55" name="Oval 54"/>
          <p:cNvSpPr/>
          <p:nvPr/>
        </p:nvSpPr>
        <p:spPr>
          <a:xfrm>
            <a:off x="1077907" y="934879"/>
            <a:ext cx="479273" cy="512190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57" name="Oval 56"/>
          <p:cNvSpPr/>
          <p:nvPr/>
        </p:nvSpPr>
        <p:spPr>
          <a:xfrm>
            <a:off x="2068526" y="4550398"/>
            <a:ext cx="1022115" cy="1088777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59" name="Oval 58"/>
          <p:cNvSpPr/>
          <p:nvPr/>
        </p:nvSpPr>
        <p:spPr>
          <a:xfrm>
            <a:off x="1441079" y="4757303"/>
            <a:ext cx="481242" cy="460522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60" name="Oval 59"/>
          <p:cNvSpPr/>
          <p:nvPr/>
        </p:nvSpPr>
        <p:spPr>
          <a:xfrm>
            <a:off x="535206" y="3344121"/>
            <a:ext cx="812232" cy="857232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61" name="Oval 60"/>
          <p:cNvSpPr/>
          <p:nvPr/>
        </p:nvSpPr>
        <p:spPr>
          <a:xfrm>
            <a:off x="840868" y="4449965"/>
            <a:ext cx="324950" cy="307338"/>
          </a:xfrm>
          <a:prstGeom prst="ellipse">
            <a:avLst/>
          </a:pr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85000"/>
                </a:schemeClr>
              </a:gs>
            </a:gsLst>
            <a:lin ang="16200000" scaled="1"/>
            <a:tileRect/>
          </a:gra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62" name="Oval 61"/>
          <p:cNvSpPr/>
          <p:nvPr/>
        </p:nvSpPr>
        <p:spPr>
          <a:xfrm>
            <a:off x="521948" y="908422"/>
            <a:ext cx="409776" cy="350574"/>
          </a:xfrm>
          <a:prstGeom prst="ellipse">
            <a:avLst/>
          </a:prstGeom>
          <a:solidFill>
            <a:schemeClr val="bg1">
              <a:lumMod val="85000"/>
            </a:schemeClr>
          </a:solidFill>
          <a:ln w="34925" cap="rnd">
            <a:solidFill>
              <a:schemeClr val="bg1">
                <a:lumMod val="95000"/>
              </a:schemeClr>
            </a:solidFill>
            <a:bevel/>
          </a:ln>
          <a:effectLst>
            <a:outerShdw blurRad="647700" dist="1524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63" name="TextBox 7">
            <a:extLst>
              <a:ext uri="{FF2B5EF4-FFF2-40B4-BE49-F238E27FC236}">
                <a16:creationId xmlns:a16="http://schemas.microsoft.com/office/drawing/2014/main" id="{A0336A27-95C3-4B18-9267-F7CD79D752F3}"/>
              </a:ext>
            </a:extLst>
          </p:cNvPr>
          <p:cNvSpPr txBox="1"/>
          <p:nvPr/>
        </p:nvSpPr>
        <p:spPr>
          <a:xfrm>
            <a:off x="1338929" y="2430257"/>
            <a:ext cx="2655335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1" i="0" u="none" strike="noStrike" kern="1200" cap="none" spc="300" normalizeH="0" baseline="0" noProof="0" dirty="0">
                <a:ln>
                  <a:noFill/>
                </a:ln>
                <a:solidFill>
                  <a:srgbClr val="C00000"/>
                </a:solidFill>
                <a:effectLst/>
                <a:uLnTx/>
                <a:uFillTx/>
              </a:rPr>
              <a:t>Kur’an-ı Kerim’in Özellikleri</a:t>
            </a:r>
            <a:endParaRPr kumimoji="0" lang="en-US" sz="3200" b="1" i="0" u="none" strike="noStrike" kern="1200" cap="none" spc="300" normalizeH="0" baseline="0" noProof="0" dirty="0">
              <a:ln>
                <a:noFill/>
              </a:ln>
              <a:solidFill>
                <a:srgbClr val="C00000"/>
              </a:solidFill>
              <a:effectLst/>
              <a:uLnTx/>
              <a:uFillTx/>
            </a:endParaRPr>
          </a:p>
        </p:txBody>
      </p:sp>
      <p:sp>
        <p:nvSpPr>
          <p:cNvPr id="8" name="Dikdörtgen 7"/>
          <p:cNvSpPr/>
          <p:nvPr/>
        </p:nvSpPr>
        <p:spPr>
          <a:xfrm>
            <a:off x="6606433" y="239300"/>
            <a:ext cx="5173404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>
              <a:defRPr/>
            </a:pPr>
            <a:r>
              <a:rPr lang="tr-TR" sz="3200" dirty="0"/>
              <a:t>İlahi kitapların sonuncusudur. </a:t>
            </a:r>
          </a:p>
        </p:txBody>
      </p:sp>
      <p:sp>
        <p:nvSpPr>
          <p:cNvPr id="69" name="Yuvarlatılmış Dikdörtgen 68"/>
          <p:cNvSpPr/>
          <p:nvPr/>
        </p:nvSpPr>
        <p:spPr>
          <a:xfrm>
            <a:off x="5259415" y="1462612"/>
            <a:ext cx="1347018" cy="900445"/>
          </a:xfrm>
          <a:prstGeom prst="roundRect">
            <a:avLst>
              <a:gd name="adj" fmla="val 50000"/>
            </a:avLst>
          </a:prstGeom>
          <a:solidFill>
            <a:srgbClr val="2A416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70" name="Serbest Form 69"/>
          <p:cNvSpPr/>
          <p:nvPr/>
        </p:nvSpPr>
        <p:spPr>
          <a:xfrm>
            <a:off x="5754779" y="1395412"/>
            <a:ext cx="6076336" cy="1034845"/>
          </a:xfrm>
          <a:custGeom>
            <a:avLst/>
            <a:gdLst>
              <a:gd name="connsiteX0" fmla="*/ 0 w 6076336"/>
              <a:gd name="connsiteY0" fmla="*/ 0 h 1327355"/>
              <a:gd name="connsiteX1" fmla="*/ 5450821 w 6076336"/>
              <a:gd name="connsiteY1" fmla="*/ 0 h 1327355"/>
              <a:gd name="connsiteX2" fmla="*/ 6076336 w 6076336"/>
              <a:gd name="connsiteY2" fmla="*/ 653855 h 1327355"/>
              <a:gd name="connsiteX3" fmla="*/ 6076336 w 6076336"/>
              <a:gd name="connsiteY3" fmla="*/ 673500 h 1327355"/>
              <a:gd name="connsiteX4" fmla="*/ 5450821 w 6076336"/>
              <a:gd name="connsiteY4" fmla="*/ 1327355 h 1327355"/>
              <a:gd name="connsiteX5" fmla="*/ 4 w 6076336"/>
              <a:gd name="connsiteY5" fmla="*/ 1327355 h 1327355"/>
              <a:gd name="connsiteX6" fmla="*/ 786581 w 6076336"/>
              <a:gd name="connsiteY6" fmla="*/ 644008 h 1327355"/>
              <a:gd name="connsiteX7" fmla="*/ 0 w 6076336"/>
              <a:gd name="connsiteY7" fmla="*/ 1 h 1327355"/>
              <a:gd name="connsiteX8" fmla="*/ 0 w 6076336"/>
              <a:gd name="connsiteY8" fmla="*/ 0 h 132735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6076336" h="1327355">
                <a:moveTo>
                  <a:pt x="0" y="0"/>
                </a:moveTo>
                <a:lnTo>
                  <a:pt x="5450821" y="0"/>
                </a:lnTo>
                <a:cubicBezTo>
                  <a:pt x="5796283" y="0"/>
                  <a:pt x="6076336" y="292741"/>
                  <a:pt x="6076336" y="653855"/>
                </a:cubicBezTo>
                <a:lnTo>
                  <a:pt x="6076336" y="673500"/>
                </a:lnTo>
                <a:cubicBezTo>
                  <a:pt x="6076336" y="1034614"/>
                  <a:pt x="5796283" y="1327355"/>
                  <a:pt x="5450821" y="1327355"/>
                </a:cubicBezTo>
                <a:lnTo>
                  <a:pt x="4" y="1327355"/>
                </a:lnTo>
                <a:lnTo>
                  <a:pt x="786581" y="644008"/>
                </a:lnTo>
                <a:lnTo>
                  <a:pt x="0" y="1"/>
                </a:lnTo>
                <a:lnTo>
                  <a:pt x="0" y="0"/>
                </a:lnTo>
                <a:close/>
              </a:path>
            </a:pathLst>
          </a:cu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65000"/>
                </a:schemeClr>
              </a:gs>
            </a:gsLst>
            <a:lin ang="18900000" scaled="1"/>
            <a:tileRect/>
          </a:gradFill>
          <a:ln>
            <a:noFill/>
          </a:ln>
          <a:effectLst>
            <a:outerShdw blurRad="254000" dist="152400" dir="8100000" algn="tr" rotWithShape="0">
              <a:prstClr val="black">
                <a:alpha val="62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endParaRPr lang="tr-TR" sz="7200" dirty="0">
              <a:solidFill>
                <a:schemeClr val="bg1"/>
              </a:solidFill>
            </a:endParaRPr>
          </a:p>
        </p:txBody>
      </p:sp>
      <p:sp>
        <p:nvSpPr>
          <p:cNvPr id="71" name="Dikdörtgen 70"/>
          <p:cNvSpPr/>
          <p:nvPr/>
        </p:nvSpPr>
        <p:spPr>
          <a:xfrm>
            <a:off x="5279152" y="1247556"/>
            <a:ext cx="652744" cy="1200329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tr-TR" sz="7200" dirty="0">
                <a:ln w="0"/>
                <a:solidFill>
                  <a:schemeClr val="bg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rPr>
              <a:t>2</a:t>
            </a:r>
            <a:endParaRPr lang="tr-TR" sz="7200" b="0" cap="none" spc="0" dirty="0">
              <a:ln w="0"/>
              <a:solidFill>
                <a:schemeClr val="bg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</a:endParaRPr>
          </a:p>
        </p:txBody>
      </p:sp>
      <p:sp>
        <p:nvSpPr>
          <p:cNvPr id="72" name="İkizkenar Üçgen 71"/>
          <p:cNvSpPr/>
          <p:nvPr/>
        </p:nvSpPr>
        <p:spPr>
          <a:xfrm rot="5400000">
            <a:off x="5750701" y="1687766"/>
            <a:ext cx="698091" cy="481781"/>
          </a:xfrm>
          <a:prstGeom prst="triangle">
            <a:avLst>
              <a:gd name="adj" fmla="val 43936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76" name="Dikdörtgen 75"/>
          <p:cNvSpPr/>
          <p:nvPr/>
        </p:nvSpPr>
        <p:spPr>
          <a:xfrm>
            <a:off x="6535112" y="1513157"/>
            <a:ext cx="5176096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defRPr/>
            </a:pPr>
            <a:r>
              <a:rPr lang="tr-TR" sz="2400" dirty="0"/>
              <a:t>Peygamber Efendimiz Hz. Muhammed’e (s.a.v.) gönderilmiştir.</a:t>
            </a:r>
            <a:endParaRPr lang="tr-TR" sz="5400" dirty="0"/>
          </a:p>
        </p:txBody>
      </p:sp>
      <p:sp>
        <p:nvSpPr>
          <p:cNvPr id="77" name="Yuvarlatılmış Dikdörtgen 76"/>
          <p:cNvSpPr/>
          <p:nvPr/>
        </p:nvSpPr>
        <p:spPr>
          <a:xfrm>
            <a:off x="5328044" y="2774157"/>
            <a:ext cx="1347018" cy="900445"/>
          </a:xfrm>
          <a:prstGeom prst="roundRect">
            <a:avLst>
              <a:gd name="adj" fmla="val 50000"/>
            </a:avLst>
          </a:prstGeom>
          <a:solidFill>
            <a:schemeClr val="accent4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>
              <a:solidFill>
                <a:schemeClr val="accent4">
                  <a:lumMod val="75000"/>
                </a:schemeClr>
              </a:solidFill>
            </a:endParaRPr>
          </a:p>
        </p:txBody>
      </p:sp>
      <p:sp>
        <p:nvSpPr>
          <p:cNvPr id="78" name="Serbest Form 77"/>
          <p:cNvSpPr/>
          <p:nvPr/>
        </p:nvSpPr>
        <p:spPr>
          <a:xfrm>
            <a:off x="5823408" y="2706957"/>
            <a:ext cx="6076336" cy="1034845"/>
          </a:xfrm>
          <a:custGeom>
            <a:avLst/>
            <a:gdLst>
              <a:gd name="connsiteX0" fmla="*/ 0 w 6076336"/>
              <a:gd name="connsiteY0" fmla="*/ 0 h 1327355"/>
              <a:gd name="connsiteX1" fmla="*/ 5450821 w 6076336"/>
              <a:gd name="connsiteY1" fmla="*/ 0 h 1327355"/>
              <a:gd name="connsiteX2" fmla="*/ 6076336 w 6076336"/>
              <a:gd name="connsiteY2" fmla="*/ 653855 h 1327355"/>
              <a:gd name="connsiteX3" fmla="*/ 6076336 w 6076336"/>
              <a:gd name="connsiteY3" fmla="*/ 673500 h 1327355"/>
              <a:gd name="connsiteX4" fmla="*/ 5450821 w 6076336"/>
              <a:gd name="connsiteY4" fmla="*/ 1327355 h 1327355"/>
              <a:gd name="connsiteX5" fmla="*/ 4 w 6076336"/>
              <a:gd name="connsiteY5" fmla="*/ 1327355 h 1327355"/>
              <a:gd name="connsiteX6" fmla="*/ 786581 w 6076336"/>
              <a:gd name="connsiteY6" fmla="*/ 644008 h 1327355"/>
              <a:gd name="connsiteX7" fmla="*/ 0 w 6076336"/>
              <a:gd name="connsiteY7" fmla="*/ 1 h 1327355"/>
              <a:gd name="connsiteX8" fmla="*/ 0 w 6076336"/>
              <a:gd name="connsiteY8" fmla="*/ 0 h 132735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6076336" h="1327355">
                <a:moveTo>
                  <a:pt x="0" y="0"/>
                </a:moveTo>
                <a:lnTo>
                  <a:pt x="5450821" y="0"/>
                </a:lnTo>
                <a:cubicBezTo>
                  <a:pt x="5796283" y="0"/>
                  <a:pt x="6076336" y="292741"/>
                  <a:pt x="6076336" y="653855"/>
                </a:cubicBezTo>
                <a:lnTo>
                  <a:pt x="6076336" y="673500"/>
                </a:lnTo>
                <a:cubicBezTo>
                  <a:pt x="6076336" y="1034614"/>
                  <a:pt x="5796283" y="1327355"/>
                  <a:pt x="5450821" y="1327355"/>
                </a:cubicBezTo>
                <a:lnTo>
                  <a:pt x="4" y="1327355"/>
                </a:lnTo>
                <a:lnTo>
                  <a:pt x="786581" y="644008"/>
                </a:lnTo>
                <a:lnTo>
                  <a:pt x="0" y="1"/>
                </a:lnTo>
                <a:lnTo>
                  <a:pt x="0" y="0"/>
                </a:lnTo>
                <a:close/>
              </a:path>
            </a:pathLst>
          </a:cu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65000"/>
                </a:schemeClr>
              </a:gs>
            </a:gsLst>
            <a:lin ang="18900000" scaled="1"/>
            <a:tileRect/>
          </a:gradFill>
          <a:ln>
            <a:noFill/>
          </a:ln>
          <a:effectLst>
            <a:outerShdw blurRad="254000" dist="152400" dir="8100000" algn="tr" rotWithShape="0">
              <a:prstClr val="black">
                <a:alpha val="62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endParaRPr lang="tr-TR" sz="7200" dirty="0">
              <a:solidFill>
                <a:schemeClr val="bg1"/>
              </a:solidFill>
            </a:endParaRPr>
          </a:p>
        </p:txBody>
      </p:sp>
      <p:sp>
        <p:nvSpPr>
          <p:cNvPr id="79" name="Dikdörtgen 78"/>
          <p:cNvSpPr/>
          <p:nvPr/>
        </p:nvSpPr>
        <p:spPr>
          <a:xfrm>
            <a:off x="5316833" y="2595741"/>
            <a:ext cx="652744" cy="1200329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tr-TR" sz="7200" dirty="0">
                <a:ln w="0"/>
                <a:solidFill>
                  <a:schemeClr val="bg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rPr>
              <a:t>3</a:t>
            </a:r>
            <a:endParaRPr lang="tr-TR" sz="7200" b="0" cap="none" spc="0" dirty="0">
              <a:ln w="0"/>
              <a:solidFill>
                <a:schemeClr val="bg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</a:endParaRPr>
          </a:p>
        </p:txBody>
      </p:sp>
      <p:sp>
        <p:nvSpPr>
          <p:cNvPr id="80" name="İkizkenar Üçgen 79"/>
          <p:cNvSpPr/>
          <p:nvPr/>
        </p:nvSpPr>
        <p:spPr>
          <a:xfrm rot="5400000">
            <a:off x="5819330" y="2999311"/>
            <a:ext cx="698091" cy="481781"/>
          </a:xfrm>
          <a:prstGeom prst="triangle">
            <a:avLst>
              <a:gd name="adj" fmla="val 43936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81" name="Dikdörtgen 80"/>
          <p:cNvSpPr/>
          <p:nvPr/>
        </p:nvSpPr>
        <p:spPr>
          <a:xfrm>
            <a:off x="6581638" y="2933705"/>
            <a:ext cx="5293311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defRPr/>
            </a:pPr>
            <a:r>
              <a:rPr lang="tr-TR" sz="2800" dirty="0"/>
              <a:t>Biz Müslümanların kutsal kitabıdır. </a:t>
            </a:r>
            <a:endParaRPr lang="tr-TR" sz="5400" dirty="0"/>
          </a:p>
        </p:txBody>
      </p:sp>
      <p:sp>
        <p:nvSpPr>
          <p:cNvPr id="82" name="Yuvarlatılmış Dikdörtgen 81"/>
          <p:cNvSpPr/>
          <p:nvPr/>
        </p:nvSpPr>
        <p:spPr>
          <a:xfrm>
            <a:off x="5328044" y="4104713"/>
            <a:ext cx="1347018" cy="900445"/>
          </a:xfrm>
          <a:prstGeom prst="roundRect">
            <a:avLst>
              <a:gd name="adj" fmla="val 50000"/>
            </a:avLst>
          </a:prstGeom>
          <a:solidFill>
            <a:srgbClr val="00999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>
              <a:solidFill>
                <a:schemeClr val="accent4">
                  <a:lumMod val="75000"/>
                </a:schemeClr>
              </a:solidFill>
            </a:endParaRPr>
          </a:p>
        </p:txBody>
      </p:sp>
      <p:sp>
        <p:nvSpPr>
          <p:cNvPr id="83" name="Serbest Form 82"/>
          <p:cNvSpPr/>
          <p:nvPr/>
        </p:nvSpPr>
        <p:spPr>
          <a:xfrm>
            <a:off x="5823408" y="4037513"/>
            <a:ext cx="6076336" cy="1034845"/>
          </a:xfrm>
          <a:custGeom>
            <a:avLst/>
            <a:gdLst>
              <a:gd name="connsiteX0" fmla="*/ 0 w 6076336"/>
              <a:gd name="connsiteY0" fmla="*/ 0 h 1327355"/>
              <a:gd name="connsiteX1" fmla="*/ 5450821 w 6076336"/>
              <a:gd name="connsiteY1" fmla="*/ 0 h 1327355"/>
              <a:gd name="connsiteX2" fmla="*/ 6076336 w 6076336"/>
              <a:gd name="connsiteY2" fmla="*/ 653855 h 1327355"/>
              <a:gd name="connsiteX3" fmla="*/ 6076336 w 6076336"/>
              <a:gd name="connsiteY3" fmla="*/ 673500 h 1327355"/>
              <a:gd name="connsiteX4" fmla="*/ 5450821 w 6076336"/>
              <a:gd name="connsiteY4" fmla="*/ 1327355 h 1327355"/>
              <a:gd name="connsiteX5" fmla="*/ 4 w 6076336"/>
              <a:gd name="connsiteY5" fmla="*/ 1327355 h 1327355"/>
              <a:gd name="connsiteX6" fmla="*/ 786581 w 6076336"/>
              <a:gd name="connsiteY6" fmla="*/ 644008 h 1327355"/>
              <a:gd name="connsiteX7" fmla="*/ 0 w 6076336"/>
              <a:gd name="connsiteY7" fmla="*/ 1 h 1327355"/>
              <a:gd name="connsiteX8" fmla="*/ 0 w 6076336"/>
              <a:gd name="connsiteY8" fmla="*/ 0 h 132735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6076336" h="1327355">
                <a:moveTo>
                  <a:pt x="0" y="0"/>
                </a:moveTo>
                <a:lnTo>
                  <a:pt x="5450821" y="0"/>
                </a:lnTo>
                <a:cubicBezTo>
                  <a:pt x="5796283" y="0"/>
                  <a:pt x="6076336" y="292741"/>
                  <a:pt x="6076336" y="653855"/>
                </a:cubicBezTo>
                <a:lnTo>
                  <a:pt x="6076336" y="673500"/>
                </a:lnTo>
                <a:cubicBezTo>
                  <a:pt x="6076336" y="1034614"/>
                  <a:pt x="5796283" y="1327355"/>
                  <a:pt x="5450821" y="1327355"/>
                </a:cubicBezTo>
                <a:lnTo>
                  <a:pt x="4" y="1327355"/>
                </a:lnTo>
                <a:lnTo>
                  <a:pt x="786581" y="644008"/>
                </a:lnTo>
                <a:lnTo>
                  <a:pt x="0" y="1"/>
                </a:lnTo>
                <a:lnTo>
                  <a:pt x="0" y="0"/>
                </a:lnTo>
                <a:close/>
              </a:path>
            </a:pathLst>
          </a:cu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65000"/>
                </a:schemeClr>
              </a:gs>
            </a:gsLst>
            <a:lin ang="18900000" scaled="1"/>
            <a:tileRect/>
          </a:gradFill>
          <a:ln>
            <a:noFill/>
          </a:ln>
          <a:effectLst>
            <a:outerShdw blurRad="254000" dist="152400" dir="8100000" algn="tr" rotWithShape="0">
              <a:prstClr val="black">
                <a:alpha val="62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endParaRPr lang="tr-TR" sz="7200" dirty="0">
              <a:solidFill>
                <a:schemeClr val="bg1"/>
              </a:solidFill>
            </a:endParaRPr>
          </a:p>
        </p:txBody>
      </p:sp>
      <p:sp>
        <p:nvSpPr>
          <p:cNvPr id="84" name="Dikdörtgen 83"/>
          <p:cNvSpPr/>
          <p:nvPr/>
        </p:nvSpPr>
        <p:spPr>
          <a:xfrm>
            <a:off x="5308037" y="3920218"/>
            <a:ext cx="652743" cy="1200329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tr-TR" sz="7200" dirty="0">
                <a:ln w="0"/>
                <a:solidFill>
                  <a:schemeClr val="bg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rPr>
              <a:t>4</a:t>
            </a:r>
            <a:endParaRPr lang="tr-TR" sz="7200" b="0" cap="none" spc="0" dirty="0">
              <a:ln w="0"/>
              <a:solidFill>
                <a:schemeClr val="bg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</a:endParaRPr>
          </a:p>
        </p:txBody>
      </p:sp>
      <p:sp>
        <p:nvSpPr>
          <p:cNvPr id="85" name="İkizkenar Üçgen 84"/>
          <p:cNvSpPr/>
          <p:nvPr/>
        </p:nvSpPr>
        <p:spPr>
          <a:xfrm rot="5400000">
            <a:off x="5819330" y="4329867"/>
            <a:ext cx="698091" cy="481781"/>
          </a:xfrm>
          <a:prstGeom prst="triangle">
            <a:avLst>
              <a:gd name="adj" fmla="val 43936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86" name="Dikdörtgen 85"/>
          <p:cNvSpPr/>
          <p:nvPr/>
        </p:nvSpPr>
        <p:spPr>
          <a:xfrm>
            <a:off x="6407222" y="4237824"/>
            <a:ext cx="2896009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ctr">
              <a:defRPr/>
            </a:pPr>
            <a:r>
              <a:rPr lang="tr-TR" sz="3200" dirty="0"/>
              <a:t>Dili Arapçadır. </a:t>
            </a:r>
          </a:p>
        </p:txBody>
      </p:sp>
      <p:sp>
        <p:nvSpPr>
          <p:cNvPr id="87" name="Yuvarlatılmış Dikdörtgen 86"/>
          <p:cNvSpPr/>
          <p:nvPr/>
        </p:nvSpPr>
        <p:spPr>
          <a:xfrm>
            <a:off x="5328044" y="5480281"/>
            <a:ext cx="1347018" cy="900445"/>
          </a:xfrm>
          <a:prstGeom prst="roundRect">
            <a:avLst>
              <a:gd name="adj" fmla="val 50000"/>
            </a:avLst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>
              <a:solidFill>
                <a:schemeClr val="accent4">
                  <a:lumMod val="75000"/>
                </a:schemeClr>
              </a:solidFill>
            </a:endParaRPr>
          </a:p>
        </p:txBody>
      </p:sp>
      <p:sp>
        <p:nvSpPr>
          <p:cNvPr id="88" name="Serbest Form 87"/>
          <p:cNvSpPr/>
          <p:nvPr/>
        </p:nvSpPr>
        <p:spPr>
          <a:xfrm>
            <a:off x="5823408" y="5413081"/>
            <a:ext cx="6076336" cy="1034845"/>
          </a:xfrm>
          <a:custGeom>
            <a:avLst/>
            <a:gdLst>
              <a:gd name="connsiteX0" fmla="*/ 0 w 6076336"/>
              <a:gd name="connsiteY0" fmla="*/ 0 h 1327355"/>
              <a:gd name="connsiteX1" fmla="*/ 5450821 w 6076336"/>
              <a:gd name="connsiteY1" fmla="*/ 0 h 1327355"/>
              <a:gd name="connsiteX2" fmla="*/ 6076336 w 6076336"/>
              <a:gd name="connsiteY2" fmla="*/ 653855 h 1327355"/>
              <a:gd name="connsiteX3" fmla="*/ 6076336 w 6076336"/>
              <a:gd name="connsiteY3" fmla="*/ 673500 h 1327355"/>
              <a:gd name="connsiteX4" fmla="*/ 5450821 w 6076336"/>
              <a:gd name="connsiteY4" fmla="*/ 1327355 h 1327355"/>
              <a:gd name="connsiteX5" fmla="*/ 4 w 6076336"/>
              <a:gd name="connsiteY5" fmla="*/ 1327355 h 1327355"/>
              <a:gd name="connsiteX6" fmla="*/ 786581 w 6076336"/>
              <a:gd name="connsiteY6" fmla="*/ 644008 h 1327355"/>
              <a:gd name="connsiteX7" fmla="*/ 0 w 6076336"/>
              <a:gd name="connsiteY7" fmla="*/ 1 h 1327355"/>
              <a:gd name="connsiteX8" fmla="*/ 0 w 6076336"/>
              <a:gd name="connsiteY8" fmla="*/ 0 h 132735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6076336" h="1327355">
                <a:moveTo>
                  <a:pt x="0" y="0"/>
                </a:moveTo>
                <a:lnTo>
                  <a:pt x="5450821" y="0"/>
                </a:lnTo>
                <a:cubicBezTo>
                  <a:pt x="5796283" y="0"/>
                  <a:pt x="6076336" y="292741"/>
                  <a:pt x="6076336" y="653855"/>
                </a:cubicBezTo>
                <a:lnTo>
                  <a:pt x="6076336" y="673500"/>
                </a:lnTo>
                <a:cubicBezTo>
                  <a:pt x="6076336" y="1034614"/>
                  <a:pt x="5796283" y="1327355"/>
                  <a:pt x="5450821" y="1327355"/>
                </a:cubicBezTo>
                <a:lnTo>
                  <a:pt x="4" y="1327355"/>
                </a:lnTo>
                <a:lnTo>
                  <a:pt x="786581" y="644008"/>
                </a:lnTo>
                <a:lnTo>
                  <a:pt x="0" y="1"/>
                </a:lnTo>
                <a:lnTo>
                  <a:pt x="0" y="0"/>
                </a:lnTo>
                <a:close/>
              </a:path>
            </a:pathLst>
          </a:custGeom>
          <a:gradFill flip="none" rotWithShape="1">
            <a:gsLst>
              <a:gs pos="0">
                <a:schemeClr val="bg1">
                  <a:lumMod val="95000"/>
                </a:schemeClr>
              </a:gs>
              <a:gs pos="100000">
                <a:schemeClr val="bg1">
                  <a:lumMod val="65000"/>
                </a:schemeClr>
              </a:gs>
            </a:gsLst>
            <a:lin ang="18900000" scaled="1"/>
            <a:tileRect/>
          </a:gradFill>
          <a:ln>
            <a:noFill/>
          </a:ln>
          <a:effectLst>
            <a:outerShdw blurRad="254000" dist="152400" dir="8100000" algn="tr" rotWithShape="0">
              <a:prstClr val="black">
                <a:alpha val="62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defRPr/>
            </a:pPr>
            <a:endParaRPr lang="tr-TR" sz="7200" dirty="0">
              <a:solidFill>
                <a:schemeClr val="bg1"/>
              </a:solidFill>
            </a:endParaRPr>
          </a:p>
        </p:txBody>
      </p:sp>
      <p:sp>
        <p:nvSpPr>
          <p:cNvPr id="89" name="Dikdörtgen 88"/>
          <p:cNvSpPr/>
          <p:nvPr/>
        </p:nvSpPr>
        <p:spPr>
          <a:xfrm>
            <a:off x="5353431" y="5298963"/>
            <a:ext cx="652744" cy="1200329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tr-TR" sz="7200" dirty="0">
                <a:ln w="0"/>
                <a:solidFill>
                  <a:schemeClr val="bg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rPr>
              <a:t>5</a:t>
            </a:r>
            <a:endParaRPr lang="tr-TR" sz="7200" b="0" cap="none" spc="0" dirty="0">
              <a:ln w="0"/>
              <a:solidFill>
                <a:schemeClr val="bg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</a:endParaRPr>
          </a:p>
        </p:txBody>
      </p:sp>
      <p:sp>
        <p:nvSpPr>
          <p:cNvPr id="90" name="İkizkenar Üçgen 89"/>
          <p:cNvSpPr/>
          <p:nvPr/>
        </p:nvSpPr>
        <p:spPr>
          <a:xfrm rot="5400000">
            <a:off x="5819330" y="5705435"/>
            <a:ext cx="698091" cy="481781"/>
          </a:xfrm>
          <a:prstGeom prst="triangle">
            <a:avLst>
              <a:gd name="adj" fmla="val 43936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91" name="Dikdörtgen 90"/>
          <p:cNvSpPr/>
          <p:nvPr/>
        </p:nvSpPr>
        <p:spPr>
          <a:xfrm>
            <a:off x="6584652" y="5383265"/>
            <a:ext cx="5784778" cy="10772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defRPr/>
            </a:pPr>
            <a:r>
              <a:rPr lang="tr-TR" sz="3200" dirty="0"/>
              <a:t>610 yılından 632 yılına kadar, yaklaşık 23 yılda indirilmiştir.</a:t>
            </a:r>
            <a:endParaRPr lang="tr-TR" sz="8000" dirty="0"/>
          </a:p>
        </p:txBody>
      </p:sp>
      <p:sp>
        <p:nvSpPr>
          <p:cNvPr id="4" name="Dikdörtgen: Köşeleri Yuvarlatılmış 3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481E77B6-514A-F435-2DFB-5C53E6D3582C}"/>
              </a:ext>
            </a:extLst>
          </p:cNvPr>
          <p:cNvSpPr/>
          <p:nvPr/>
        </p:nvSpPr>
        <p:spPr>
          <a:xfrm>
            <a:off x="1312023" y="5859119"/>
            <a:ext cx="3277590" cy="625461"/>
          </a:xfrm>
          <a:prstGeom prst="roundRect">
            <a:avLst/>
          </a:prstGeom>
          <a:solidFill>
            <a:srgbClr val="FFFFCC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2800" dirty="0">
                <a:solidFill>
                  <a:schemeClr val="tx1"/>
                </a:solidFill>
              </a:rPr>
              <a:t>Etkinlik için tıklayınız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69791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5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0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3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5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5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9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2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5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8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1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4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7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1" dur="500" fill="hold"/>
                                        <p:tgtEl>
                                          <p:spTgt spid="6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500" fill="hold"/>
                                        <p:tgtEl>
                                          <p:spTgt spid="6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50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2000"/>
                            </p:stCondLst>
                            <p:childTnLst>
                              <p:par>
                                <p:cTn id="49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2500"/>
                            </p:stCondLst>
                            <p:childTnLst>
                              <p:par>
                                <p:cTn id="5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300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3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40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4500"/>
                            </p:stCondLst>
                            <p:childTnLst>
                              <p:par>
                                <p:cTn id="69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1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5000"/>
                            </p:stCondLst>
                            <p:childTnLst>
                              <p:par>
                                <p:cTn id="7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50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6000"/>
                            </p:stCondLst>
                            <p:childTnLst>
                              <p:par>
                                <p:cTn id="8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65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7000"/>
                            </p:stCondLst>
                            <p:childTnLst>
                              <p:par>
                                <p:cTn id="89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91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7500"/>
                            </p:stCondLst>
                            <p:childTnLst>
                              <p:par>
                                <p:cTn id="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6" fill="hold">
                            <p:stCondLst>
                              <p:cond delay="8000"/>
                            </p:stCondLst>
                            <p:childTnLst>
                              <p:par>
                                <p:cTn id="9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9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8500"/>
                            </p:stCondLst>
                            <p:childTnLst>
                              <p:par>
                                <p:cTn id="10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9000"/>
                            </p:stCondLst>
                            <p:childTnLst>
                              <p:par>
                                <p:cTn id="10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8" fill="hold">
                            <p:stCondLst>
                              <p:cond delay="9500"/>
                            </p:stCondLst>
                            <p:childTnLst>
                              <p:par>
                                <p:cTn id="109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11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10000"/>
                            </p:stCondLst>
                            <p:childTnLst>
                              <p:par>
                                <p:cTn id="1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5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10500"/>
                            </p:stCondLst>
                            <p:childTnLst>
                              <p:par>
                                <p:cTn id="1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9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11000"/>
                            </p:stCondLst>
                            <p:childTnLst>
                              <p:par>
                                <p:cTn id="1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4" fill="hold">
                            <p:stCondLst>
                              <p:cond delay="11500"/>
                            </p:stCondLst>
                            <p:childTnLst>
                              <p:par>
                                <p:cTn id="1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7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12000"/>
                            </p:stCondLst>
                            <p:childTnLst>
                              <p:par>
                                <p:cTn id="129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31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2" fill="hold">
                            <p:stCondLst>
                              <p:cond delay="12500"/>
                            </p:stCondLst>
                            <p:childTnLst>
                              <p:par>
                                <p:cTn id="1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5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6" fill="hold">
                            <p:stCondLst>
                              <p:cond delay="13000"/>
                            </p:stCondLst>
                            <p:childTnLst>
                              <p:par>
                                <p:cTn id="1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9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0" fill="hold">
                            <p:stCondLst>
                              <p:cond delay="13500"/>
                            </p:stCondLst>
                            <p:childTnLst>
                              <p:par>
                                <p:cTn id="1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3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4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8" grpId="0" animBg="1"/>
      <p:bldP spid="56" grpId="0" animBg="1"/>
      <p:bldP spid="12" grpId="0" animBg="1"/>
      <p:bldP spid="11" grpId="0" animBg="1"/>
      <p:bldP spid="2" grpId="0"/>
      <p:bldP spid="3" grpId="0" animBg="1"/>
      <p:bldP spid="7" grpId="0" animBg="1"/>
      <p:bldP spid="53" grpId="0" animBg="1"/>
      <p:bldP spid="54" grpId="0" animBg="1"/>
      <p:bldP spid="55" grpId="0" animBg="1"/>
      <p:bldP spid="57" grpId="0" animBg="1"/>
      <p:bldP spid="59" grpId="0" animBg="1"/>
      <p:bldP spid="60" grpId="0" animBg="1"/>
      <p:bldP spid="61" grpId="0" animBg="1"/>
      <p:bldP spid="62" grpId="0" animBg="1"/>
      <p:bldP spid="63" grpId="0"/>
      <p:bldP spid="8" grpId="0"/>
      <p:bldP spid="69" grpId="0" animBg="1"/>
      <p:bldP spid="70" grpId="0" animBg="1"/>
      <p:bldP spid="71" grpId="0"/>
      <p:bldP spid="72" grpId="0" animBg="1"/>
      <p:bldP spid="76" grpId="0"/>
      <p:bldP spid="77" grpId="0" animBg="1"/>
      <p:bldP spid="78" grpId="0" animBg="1"/>
      <p:bldP spid="79" grpId="0"/>
      <p:bldP spid="80" grpId="0" animBg="1"/>
      <p:bldP spid="81" grpId="0"/>
      <p:bldP spid="82" grpId="0" animBg="1"/>
      <p:bldP spid="83" grpId="0" animBg="1"/>
      <p:bldP spid="84" grpId="0"/>
      <p:bldP spid="85" grpId="0" animBg="1"/>
      <p:bldP spid="86" grpId="0"/>
      <p:bldP spid="87" grpId="0" animBg="1"/>
      <p:bldP spid="88" grpId="0" animBg="1"/>
      <p:bldP spid="89" grpId="0"/>
      <p:bldP spid="90" grpId="0" animBg="1"/>
      <p:bldP spid="91" grpId="0"/>
      <p:bldP spid="4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6F808A53-D753-ABA3-C492-4E69B642E78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tr-TR"/>
          </a:p>
        </p:txBody>
      </p:sp>
      <p:pic>
        <p:nvPicPr>
          <p:cNvPr id="5" name="Resim 4">
            <a:extLst>
              <a:ext uri="{FF2B5EF4-FFF2-40B4-BE49-F238E27FC236}">
                <a16:creationId xmlns:a16="http://schemas.microsoft.com/office/drawing/2014/main" id="{326954D8-D819-6815-96F0-500B7AD3921C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68375775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50" name="Google Shape;1050;p35"/>
          <p:cNvSpPr txBox="1">
            <a:spLocks noGrp="1"/>
          </p:cNvSpPr>
          <p:nvPr>
            <p:ph type="subTitle" idx="4294967295"/>
          </p:nvPr>
        </p:nvSpPr>
        <p:spPr>
          <a:xfrm>
            <a:off x="1499017" y="2304116"/>
            <a:ext cx="3267855" cy="1056800"/>
          </a:xfrm>
          <a:prstGeom prst="rect">
            <a:avLst/>
          </a:prstGeom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lvl="0" indent="0">
              <a:lnSpc>
                <a:spcPct val="100000"/>
              </a:lnSpc>
              <a:buClrTx/>
              <a:buSzTx/>
              <a:buNone/>
              <a:defRPr/>
            </a:pPr>
            <a:r>
              <a:rPr lang="tr-TR" sz="4000" kern="1200" dirty="0">
                <a:solidFill>
                  <a:schemeClr val="tx1"/>
                </a:solidFill>
                <a:latin typeface="Calibri" panose="020F0502020204030204"/>
              </a:rPr>
              <a:t>Video izliyoruz </a:t>
            </a:r>
          </a:p>
        </p:txBody>
      </p:sp>
      <p:sp>
        <p:nvSpPr>
          <p:cNvPr id="1051" name="Google Shape;1051;p35"/>
          <p:cNvSpPr/>
          <p:nvPr/>
        </p:nvSpPr>
        <p:spPr>
          <a:xfrm>
            <a:off x="1616399" y="3671616"/>
            <a:ext cx="2978932" cy="5733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rgbClr val="043B3B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1052" name="Google Shape;1052;p35"/>
          <p:cNvSpPr/>
          <p:nvPr/>
        </p:nvSpPr>
        <p:spPr>
          <a:xfrm>
            <a:off x="1616399" y="1936083"/>
            <a:ext cx="2978932" cy="5733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rgbClr val="043B3B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6" name="Google Shape;1029;p35"/>
          <p:cNvSpPr txBox="1">
            <a:spLocks/>
          </p:cNvSpPr>
          <p:nvPr/>
        </p:nvSpPr>
        <p:spPr>
          <a:xfrm>
            <a:off x="4511414" y="5377206"/>
            <a:ext cx="7528185" cy="45209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lvl="0" indent="0" algn="ctr">
              <a:spcAft>
                <a:spcPts val="2133"/>
              </a:spcAft>
              <a:buNone/>
              <a:defRPr/>
            </a:pPr>
            <a:r>
              <a:rPr kumimoji="0" lang="tr-TR" sz="20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cs typeface="Calibri" panose="020F0502020204030204" pitchFamily="34" charset="0"/>
                <a:sym typeface="Comfortaa"/>
                <a:hlinkClick r:id="rId4"/>
              </a:rPr>
              <a:t>Kaynak: </a:t>
            </a:r>
            <a:r>
              <a:rPr lang="tr-TR" sz="2000" dirty="0">
                <a:hlinkClick r:id="rId5"/>
              </a:rPr>
              <a:t>https://www.youtube.com/watch?v=t1m4ewg4e8g&amp;t=3s</a:t>
            </a:r>
            <a:r>
              <a:rPr lang="tr-TR" sz="2000" dirty="0"/>
              <a:t>  </a:t>
            </a:r>
            <a:endParaRPr kumimoji="0" lang="tr-TR" sz="20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Calibri" panose="020F0502020204030204" pitchFamily="34" charset="0"/>
              <a:cs typeface="Calibri" panose="020F0502020204030204" pitchFamily="34" charset="0"/>
              <a:sym typeface="Comfortaa"/>
            </a:endParaRPr>
          </a:p>
        </p:txBody>
      </p:sp>
      <p:grpSp>
        <p:nvGrpSpPr>
          <p:cNvPr id="27" name="Google Shape;8488;p40"/>
          <p:cNvGrpSpPr/>
          <p:nvPr/>
        </p:nvGrpSpPr>
        <p:grpSpPr>
          <a:xfrm>
            <a:off x="5081667" y="884419"/>
            <a:ext cx="6415789" cy="3987383"/>
            <a:chOff x="310825" y="367425"/>
            <a:chExt cx="6969275" cy="4888550"/>
          </a:xfrm>
        </p:grpSpPr>
        <p:sp>
          <p:nvSpPr>
            <p:cNvPr id="28" name="Google Shape;8489;p40"/>
            <p:cNvSpPr/>
            <p:nvPr/>
          </p:nvSpPr>
          <p:spPr>
            <a:xfrm>
              <a:off x="310825" y="412500"/>
              <a:ext cx="6969275" cy="4843475"/>
            </a:xfrm>
            <a:custGeom>
              <a:avLst/>
              <a:gdLst/>
              <a:ahLst/>
              <a:cxnLst/>
              <a:rect l="l" t="t" r="r" b="b"/>
              <a:pathLst>
                <a:path w="278771" h="193739" extrusionOk="0">
                  <a:moveTo>
                    <a:pt x="4769" y="1"/>
                  </a:moveTo>
                  <a:cubicBezTo>
                    <a:pt x="2152" y="1"/>
                    <a:pt x="0" y="2153"/>
                    <a:pt x="0" y="4770"/>
                  </a:cubicBezTo>
                  <a:lnTo>
                    <a:pt x="0" y="188736"/>
                  </a:lnTo>
                  <a:cubicBezTo>
                    <a:pt x="0" y="191412"/>
                    <a:pt x="2094" y="193622"/>
                    <a:pt x="4769" y="193738"/>
                  </a:cubicBezTo>
                  <a:lnTo>
                    <a:pt x="274467" y="193738"/>
                  </a:lnTo>
                  <a:cubicBezTo>
                    <a:pt x="276968" y="193738"/>
                    <a:pt x="278771" y="191470"/>
                    <a:pt x="278771" y="188736"/>
                  </a:cubicBezTo>
                  <a:lnTo>
                    <a:pt x="278771" y="4828"/>
                  </a:lnTo>
                  <a:cubicBezTo>
                    <a:pt x="278771" y="2036"/>
                    <a:pt x="276968" y="1"/>
                    <a:pt x="274467" y="1"/>
                  </a:cubicBezTo>
                  <a:close/>
                </a:path>
              </a:pathLst>
            </a:custGeom>
            <a:solidFill>
              <a:srgbClr val="043B3B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29" name="Google Shape;8490;p40"/>
            <p:cNvSpPr/>
            <p:nvPr/>
          </p:nvSpPr>
          <p:spPr>
            <a:xfrm>
              <a:off x="412600" y="438675"/>
              <a:ext cx="6765725" cy="4700975"/>
            </a:xfrm>
            <a:custGeom>
              <a:avLst/>
              <a:gdLst/>
              <a:ahLst/>
              <a:cxnLst/>
              <a:rect l="l" t="t" r="r" b="b"/>
              <a:pathLst>
                <a:path w="270629" h="188039" extrusionOk="0">
                  <a:moveTo>
                    <a:pt x="4653" y="1"/>
                  </a:moveTo>
                  <a:cubicBezTo>
                    <a:pt x="2094" y="1"/>
                    <a:pt x="0" y="2094"/>
                    <a:pt x="0" y="4654"/>
                  </a:cubicBezTo>
                  <a:lnTo>
                    <a:pt x="0" y="183153"/>
                  </a:lnTo>
                  <a:cubicBezTo>
                    <a:pt x="0" y="185770"/>
                    <a:pt x="2036" y="187922"/>
                    <a:pt x="4653" y="188038"/>
                  </a:cubicBezTo>
                  <a:lnTo>
                    <a:pt x="266441" y="188038"/>
                  </a:lnTo>
                  <a:cubicBezTo>
                    <a:pt x="268883" y="188038"/>
                    <a:pt x="270628" y="185828"/>
                    <a:pt x="270628" y="183153"/>
                  </a:cubicBezTo>
                  <a:lnTo>
                    <a:pt x="270628" y="4654"/>
                  </a:lnTo>
                  <a:cubicBezTo>
                    <a:pt x="270628" y="1978"/>
                    <a:pt x="268883" y="1"/>
                    <a:pt x="266441" y="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0" name="Google Shape;8491;p40"/>
            <p:cNvSpPr/>
            <p:nvPr/>
          </p:nvSpPr>
          <p:spPr>
            <a:xfrm>
              <a:off x="310825" y="367425"/>
              <a:ext cx="6969275" cy="508950"/>
            </a:xfrm>
            <a:custGeom>
              <a:avLst/>
              <a:gdLst/>
              <a:ahLst/>
              <a:cxnLst/>
              <a:rect l="l" t="t" r="r" b="b"/>
              <a:pathLst>
                <a:path w="278771" h="20358" extrusionOk="0">
                  <a:moveTo>
                    <a:pt x="4769" y="1"/>
                  </a:moveTo>
                  <a:cubicBezTo>
                    <a:pt x="2152" y="1"/>
                    <a:pt x="0" y="2153"/>
                    <a:pt x="0" y="4770"/>
                  </a:cubicBezTo>
                  <a:lnTo>
                    <a:pt x="0" y="20357"/>
                  </a:lnTo>
                  <a:lnTo>
                    <a:pt x="278771" y="20357"/>
                  </a:lnTo>
                  <a:lnTo>
                    <a:pt x="278771" y="4770"/>
                  </a:lnTo>
                  <a:cubicBezTo>
                    <a:pt x="278771" y="2036"/>
                    <a:pt x="276968" y="1"/>
                    <a:pt x="274467" y="1"/>
                  </a:cubicBezTo>
                  <a:close/>
                </a:path>
              </a:pathLst>
            </a:custGeom>
            <a:solidFill>
              <a:srgbClr val="043B3B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1" name="Google Shape;8492;p40"/>
            <p:cNvSpPr/>
            <p:nvPr/>
          </p:nvSpPr>
          <p:spPr>
            <a:xfrm>
              <a:off x="2134200" y="1172975"/>
              <a:ext cx="3200375" cy="3079475"/>
            </a:xfrm>
            <a:custGeom>
              <a:avLst/>
              <a:gdLst/>
              <a:ahLst/>
              <a:cxnLst/>
              <a:rect l="l" t="t" r="r" b="b"/>
              <a:pathLst>
                <a:path w="128015" h="123179" extrusionOk="0">
                  <a:moveTo>
                    <a:pt x="66436" y="12973"/>
                  </a:moveTo>
                  <a:cubicBezTo>
                    <a:pt x="72703" y="12973"/>
                    <a:pt x="79021" y="14188"/>
                    <a:pt x="85033" y="16693"/>
                  </a:cubicBezTo>
                  <a:cubicBezTo>
                    <a:pt x="103238" y="24196"/>
                    <a:pt x="115045" y="41935"/>
                    <a:pt x="115045" y="61594"/>
                  </a:cubicBezTo>
                  <a:cubicBezTo>
                    <a:pt x="115045" y="88465"/>
                    <a:pt x="93292" y="110217"/>
                    <a:pt x="66479" y="110217"/>
                  </a:cubicBezTo>
                  <a:cubicBezTo>
                    <a:pt x="46763" y="110217"/>
                    <a:pt x="29023" y="98352"/>
                    <a:pt x="21520" y="80206"/>
                  </a:cubicBezTo>
                  <a:cubicBezTo>
                    <a:pt x="14017" y="62059"/>
                    <a:pt x="18147" y="41121"/>
                    <a:pt x="32048" y="27220"/>
                  </a:cubicBezTo>
                  <a:cubicBezTo>
                    <a:pt x="41343" y="17925"/>
                    <a:pt x="53786" y="12973"/>
                    <a:pt x="66436" y="12973"/>
                  </a:cubicBezTo>
                  <a:close/>
                  <a:moveTo>
                    <a:pt x="66479" y="0"/>
                  </a:moveTo>
                  <a:cubicBezTo>
                    <a:pt x="41528" y="0"/>
                    <a:pt x="19077" y="15006"/>
                    <a:pt x="9539" y="38038"/>
                  </a:cubicBezTo>
                  <a:cubicBezTo>
                    <a:pt x="0" y="61070"/>
                    <a:pt x="5293" y="87534"/>
                    <a:pt x="22916" y="105157"/>
                  </a:cubicBezTo>
                  <a:cubicBezTo>
                    <a:pt x="34693" y="116934"/>
                    <a:pt x="50419" y="123179"/>
                    <a:pt x="66430" y="123179"/>
                  </a:cubicBezTo>
                  <a:cubicBezTo>
                    <a:pt x="74377" y="123179"/>
                    <a:pt x="82395" y="121640"/>
                    <a:pt x="90035" y="118476"/>
                  </a:cubicBezTo>
                  <a:cubicBezTo>
                    <a:pt x="113009" y="108938"/>
                    <a:pt x="128015" y="86487"/>
                    <a:pt x="128015" y="61594"/>
                  </a:cubicBezTo>
                  <a:cubicBezTo>
                    <a:pt x="128015" y="27569"/>
                    <a:pt x="100446" y="0"/>
                    <a:pt x="66479" y="0"/>
                  </a:cubicBezTo>
                  <a:close/>
                </a:path>
              </a:pathLst>
            </a:custGeom>
            <a:solidFill>
              <a:srgbClr val="00908E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2" name="Google Shape;8493;p40"/>
            <p:cNvSpPr/>
            <p:nvPr/>
          </p:nvSpPr>
          <p:spPr>
            <a:xfrm>
              <a:off x="3370125" y="2064300"/>
              <a:ext cx="1193800" cy="1488975"/>
            </a:xfrm>
            <a:custGeom>
              <a:avLst/>
              <a:gdLst/>
              <a:ahLst/>
              <a:cxnLst/>
              <a:rect l="l" t="t" r="r" b="b"/>
              <a:pathLst>
                <a:path w="47752" h="59559" extrusionOk="0">
                  <a:moveTo>
                    <a:pt x="1" y="1"/>
                  </a:moveTo>
                  <a:lnTo>
                    <a:pt x="292" y="59558"/>
                  </a:lnTo>
                  <a:lnTo>
                    <a:pt x="47752" y="29896"/>
                  </a:lnTo>
                  <a:lnTo>
                    <a:pt x="1" y="1"/>
                  </a:lnTo>
                  <a:close/>
                </a:path>
              </a:pathLst>
            </a:custGeom>
            <a:solidFill>
              <a:srgbClr val="00908E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3" name="Google Shape;8494;p40"/>
            <p:cNvSpPr/>
            <p:nvPr/>
          </p:nvSpPr>
          <p:spPr>
            <a:xfrm>
              <a:off x="398050" y="4443125"/>
              <a:ext cx="6794800" cy="769225"/>
            </a:xfrm>
            <a:custGeom>
              <a:avLst/>
              <a:gdLst/>
              <a:ahLst/>
              <a:cxnLst/>
              <a:rect l="l" t="t" r="r" b="b"/>
              <a:pathLst>
                <a:path w="271792" h="30769" extrusionOk="0">
                  <a:moveTo>
                    <a:pt x="1" y="1"/>
                  </a:moveTo>
                  <a:lnTo>
                    <a:pt x="1" y="30768"/>
                  </a:lnTo>
                  <a:lnTo>
                    <a:pt x="271792" y="30768"/>
                  </a:lnTo>
                  <a:lnTo>
                    <a:pt x="271792" y="1"/>
                  </a:lnTo>
                  <a:close/>
                </a:path>
              </a:pathLst>
            </a:custGeom>
            <a:solidFill>
              <a:srgbClr val="043B3B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4" name="Google Shape;8495;p40"/>
            <p:cNvSpPr/>
            <p:nvPr/>
          </p:nvSpPr>
          <p:spPr>
            <a:xfrm>
              <a:off x="617625" y="4565275"/>
              <a:ext cx="6310600" cy="34925"/>
            </a:xfrm>
            <a:custGeom>
              <a:avLst/>
              <a:gdLst/>
              <a:ahLst/>
              <a:cxnLst/>
              <a:rect l="l" t="t" r="r" b="b"/>
              <a:pathLst>
                <a:path w="252424" h="1397" extrusionOk="0">
                  <a:moveTo>
                    <a:pt x="0" y="0"/>
                  </a:moveTo>
                  <a:lnTo>
                    <a:pt x="0" y="1396"/>
                  </a:lnTo>
                  <a:lnTo>
                    <a:pt x="252423" y="1396"/>
                  </a:lnTo>
                  <a:lnTo>
                    <a:pt x="252423" y="0"/>
                  </a:lnTo>
                  <a:close/>
                </a:path>
              </a:pathLst>
            </a:custGeom>
            <a:solidFill>
              <a:srgbClr val="D9E2E9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5" name="Google Shape;8496;p40"/>
            <p:cNvSpPr/>
            <p:nvPr/>
          </p:nvSpPr>
          <p:spPr>
            <a:xfrm>
              <a:off x="617625" y="4565275"/>
              <a:ext cx="2576600" cy="34925"/>
            </a:xfrm>
            <a:custGeom>
              <a:avLst/>
              <a:gdLst/>
              <a:ahLst/>
              <a:cxnLst/>
              <a:rect l="l" t="t" r="r" b="b"/>
              <a:pathLst>
                <a:path w="103064" h="1397" extrusionOk="0">
                  <a:moveTo>
                    <a:pt x="0" y="0"/>
                  </a:moveTo>
                  <a:lnTo>
                    <a:pt x="0" y="1396"/>
                  </a:lnTo>
                  <a:lnTo>
                    <a:pt x="103063" y="1396"/>
                  </a:lnTo>
                  <a:lnTo>
                    <a:pt x="103063" y="0"/>
                  </a:lnTo>
                  <a:close/>
                </a:path>
              </a:pathLst>
            </a:custGeom>
            <a:solidFill>
              <a:srgbClr val="00908E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6" name="Google Shape;8497;p40"/>
            <p:cNvSpPr/>
            <p:nvPr/>
          </p:nvSpPr>
          <p:spPr>
            <a:xfrm>
              <a:off x="1825925" y="4761575"/>
              <a:ext cx="167250" cy="234125"/>
            </a:xfrm>
            <a:custGeom>
              <a:avLst/>
              <a:gdLst/>
              <a:ahLst/>
              <a:cxnLst/>
              <a:rect l="l" t="t" r="r" b="b"/>
              <a:pathLst>
                <a:path w="6690" h="9365" extrusionOk="0">
                  <a:moveTo>
                    <a:pt x="1" y="0"/>
                  </a:moveTo>
                  <a:lnTo>
                    <a:pt x="1" y="9364"/>
                  </a:lnTo>
                  <a:lnTo>
                    <a:pt x="6690" y="4653"/>
                  </a:lnTo>
                  <a:lnTo>
                    <a:pt x="1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7" name="Google Shape;8498;p40"/>
            <p:cNvSpPr/>
            <p:nvPr/>
          </p:nvSpPr>
          <p:spPr>
            <a:xfrm>
              <a:off x="2022225" y="4761575"/>
              <a:ext cx="39300" cy="234125"/>
            </a:xfrm>
            <a:custGeom>
              <a:avLst/>
              <a:gdLst/>
              <a:ahLst/>
              <a:cxnLst/>
              <a:rect l="l" t="t" r="r" b="b"/>
              <a:pathLst>
                <a:path w="1572" h="9365" extrusionOk="0">
                  <a:moveTo>
                    <a:pt x="1" y="0"/>
                  </a:moveTo>
                  <a:lnTo>
                    <a:pt x="1" y="9364"/>
                  </a:lnTo>
                  <a:lnTo>
                    <a:pt x="1571" y="9364"/>
                  </a:lnTo>
                  <a:lnTo>
                    <a:pt x="1571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8" name="Google Shape;8499;p40"/>
            <p:cNvSpPr/>
            <p:nvPr/>
          </p:nvSpPr>
          <p:spPr>
            <a:xfrm>
              <a:off x="1351925" y="4761575"/>
              <a:ext cx="167225" cy="234125"/>
            </a:xfrm>
            <a:custGeom>
              <a:avLst/>
              <a:gdLst/>
              <a:ahLst/>
              <a:cxnLst/>
              <a:rect l="l" t="t" r="r" b="b"/>
              <a:pathLst>
                <a:path w="6689" h="9365" extrusionOk="0">
                  <a:moveTo>
                    <a:pt x="0" y="0"/>
                  </a:moveTo>
                  <a:lnTo>
                    <a:pt x="0" y="9364"/>
                  </a:lnTo>
                  <a:lnTo>
                    <a:pt x="6689" y="4653"/>
                  </a:lnTo>
                  <a:lnTo>
                    <a:pt x="0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39" name="Google Shape;8500;p40"/>
            <p:cNvSpPr/>
            <p:nvPr/>
          </p:nvSpPr>
          <p:spPr>
            <a:xfrm>
              <a:off x="877900" y="4761575"/>
              <a:ext cx="167225" cy="234125"/>
            </a:xfrm>
            <a:custGeom>
              <a:avLst/>
              <a:gdLst/>
              <a:ahLst/>
              <a:cxnLst/>
              <a:rect l="l" t="t" r="r" b="b"/>
              <a:pathLst>
                <a:path w="6689" h="9365" extrusionOk="0">
                  <a:moveTo>
                    <a:pt x="6689" y="0"/>
                  </a:moveTo>
                  <a:lnTo>
                    <a:pt x="0" y="4653"/>
                  </a:lnTo>
                  <a:lnTo>
                    <a:pt x="6689" y="9364"/>
                  </a:lnTo>
                  <a:lnTo>
                    <a:pt x="6689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0" name="Google Shape;8501;p40"/>
            <p:cNvSpPr/>
            <p:nvPr/>
          </p:nvSpPr>
          <p:spPr>
            <a:xfrm>
              <a:off x="809550" y="4761575"/>
              <a:ext cx="39300" cy="234125"/>
            </a:xfrm>
            <a:custGeom>
              <a:avLst/>
              <a:gdLst/>
              <a:ahLst/>
              <a:cxnLst/>
              <a:rect l="l" t="t" r="r" b="b"/>
              <a:pathLst>
                <a:path w="1572" h="9365" extrusionOk="0">
                  <a:moveTo>
                    <a:pt x="1" y="0"/>
                  </a:moveTo>
                  <a:lnTo>
                    <a:pt x="1" y="9364"/>
                  </a:lnTo>
                  <a:lnTo>
                    <a:pt x="1571" y="9364"/>
                  </a:lnTo>
                  <a:lnTo>
                    <a:pt x="1571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1" name="Google Shape;8502;p40"/>
            <p:cNvSpPr/>
            <p:nvPr/>
          </p:nvSpPr>
          <p:spPr>
            <a:xfrm>
              <a:off x="5477050" y="4719400"/>
              <a:ext cx="303925" cy="299550"/>
            </a:xfrm>
            <a:custGeom>
              <a:avLst/>
              <a:gdLst/>
              <a:ahLst/>
              <a:cxnLst/>
              <a:rect l="l" t="t" r="r" b="b"/>
              <a:pathLst>
                <a:path w="12157" h="11982" extrusionOk="0">
                  <a:moveTo>
                    <a:pt x="6050" y="4072"/>
                  </a:moveTo>
                  <a:cubicBezTo>
                    <a:pt x="7155" y="4072"/>
                    <a:pt x="8027" y="4944"/>
                    <a:pt x="8027" y="5991"/>
                  </a:cubicBezTo>
                  <a:cubicBezTo>
                    <a:pt x="8067" y="7217"/>
                    <a:pt x="7085" y="8013"/>
                    <a:pt x="6068" y="8013"/>
                  </a:cubicBezTo>
                  <a:cubicBezTo>
                    <a:pt x="5589" y="8013"/>
                    <a:pt x="5103" y="7836"/>
                    <a:pt x="4712" y="7445"/>
                  </a:cubicBezTo>
                  <a:cubicBezTo>
                    <a:pt x="3432" y="6224"/>
                    <a:pt x="4305" y="4072"/>
                    <a:pt x="6050" y="4072"/>
                  </a:cubicBezTo>
                  <a:close/>
                  <a:moveTo>
                    <a:pt x="5410" y="0"/>
                  </a:moveTo>
                  <a:cubicBezTo>
                    <a:pt x="5119" y="582"/>
                    <a:pt x="4886" y="1105"/>
                    <a:pt x="4712" y="1687"/>
                  </a:cubicBezTo>
                  <a:lnTo>
                    <a:pt x="3956" y="1978"/>
                  </a:lnTo>
                  <a:cubicBezTo>
                    <a:pt x="3432" y="1745"/>
                    <a:pt x="2851" y="1513"/>
                    <a:pt x="2269" y="1338"/>
                  </a:cubicBezTo>
                  <a:lnTo>
                    <a:pt x="1280" y="2269"/>
                  </a:lnTo>
                  <a:cubicBezTo>
                    <a:pt x="1513" y="2850"/>
                    <a:pt x="1746" y="3374"/>
                    <a:pt x="1978" y="3897"/>
                  </a:cubicBezTo>
                  <a:lnTo>
                    <a:pt x="1687" y="4653"/>
                  </a:lnTo>
                  <a:cubicBezTo>
                    <a:pt x="1106" y="4828"/>
                    <a:pt x="524" y="5060"/>
                    <a:pt x="1" y="5351"/>
                  </a:cubicBezTo>
                  <a:lnTo>
                    <a:pt x="1" y="6689"/>
                  </a:lnTo>
                  <a:cubicBezTo>
                    <a:pt x="524" y="6980"/>
                    <a:pt x="1106" y="7154"/>
                    <a:pt x="1687" y="7387"/>
                  </a:cubicBezTo>
                  <a:lnTo>
                    <a:pt x="1978" y="8085"/>
                  </a:lnTo>
                  <a:cubicBezTo>
                    <a:pt x="1746" y="8667"/>
                    <a:pt x="1513" y="9190"/>
                    <a:pt x="1338" y="9772"/>
                  </a:cubicBezTo>
                  <a:lnTo>
                    <a:pt x="2269" y="10702"/>
                  </a:lnTo>
                  <a:cubicBezTo>
                    <a:pt x="2851" y="10528"/>
                    <a:pt x="3432" y="10295"/>
                    <a:pt x="3956" y="10062"/>
                  </a:cubicBezTo>
                  <a:lnTo>
                    <a:pt x="4712" y="10353"/>
                  </a:lnTo>
                  <a:cubicBezTo>
                    <a:pt x="4886" y="10877"/>
                    <a:pt x="5119" y="11458"/>
                    <a:pt x="5410" y="11982"/>
                  </a:cubicBezTo>
                  <a:lnTo>
                    <a:pt x="6748" y="11982"/>
                  </a:lnTo>
                  <a:cubicBezTo>
                    <a:pt x="7038" y="11458"/>
                    <a:pt x="7271" y="10877"/>
                    <a:pt x="7504" y="10353"/>
                  </a:cubicBezTo>
                  <a:lnTo>
                    <a:pt x="8202" y="10062"/>
                  </a:lnTo>
                  <a:cubicBezTo>
                    <a:pt x="8783" y="10295"/>
                    <a:pt x="9365" y="10470"/>
                    <a:pt x="9946" y="10702"/>
                  </a:cubicBezTo>
                  <a:lnTo>
                    <a:pt x="10877" y="9772"/>
                  </a:lnTo>
                  <a:cubicBezTo>
                    <a:pt x="10703" y="9190"/>
                    <a:pt x="10470" y="8608"/>
                    <a:pt x="10179" y="8085"/>
                  </a:cubicBezTo>
                  <a:lnTo>
                    <a:pt x="10528" y="7387"/>
                  </a:lnTo>
                  <a:cubicBezTo>
                    <a:pt x="11052" y="7154"/>
                    <a:pt x="11633" y="6922"/>
                    <a:pt x="12157" y="6631"/>
                  </a:cubicBezTo>
                  <a:lnTo>
                    <a:pt x="12157" y="5351"/>
                  </a:lnTo>
                  <a:cubicBezTo>
                    <a:pt x="11633" y="5060"/>
                    <a:pt x="11052" y="4828"/>
                    <a:pt x="10528" y="4653"/>
                  </a:cubicBezTo>
                  <a:lnTo>
                    <a:pt x="10179" y="3897"/>
                  </a:lnTo>
                  <a:cubicBezTo>
                    <a:pt x="10470" y="3374"/>
                    <a:pt x="10644" y="2792"/>
                    <a:pt x="10819" y="2211"/>
                  </a:cubicBezTo>
                  <a:lnTo>
                    <a:pt x="9888" y="1280"/>
                  </a:lnTo>
                  <a:cubicBezTo>
                    <a:pt x="9307" y="1454"/>
                    <a:pt x="8783" y="1687"/>
                    <a:pt x="8202" y="1978"/>
                  </a:cubicBezTo>
                  <a:lnTo>
                    <a:pt x="7504" y="1687"/>
                  </a:lnTo>
                  <a:cubicBezTo>
                    <a:pt x="7271" y="1105"/>
                    <a:pt x="7038" y="524"/>
                    <a:pt x="6748" y="0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2" name="Google Shape;8503;p40"/>
            <p:cNvSpPr/>
            <p:nvPr/>
          </p:nvSpPr>
          <p:spPr>
            <a:xfrm>
              <a:off x="5997600" y="4752850"/>
              <a:ext cx="349000" cy="229750"/>
            </a:xfrm>
            <a:custGeom>
              <a:avLst/>
              <a:gdLst/>
              <a:ahLst/>
              <a:cxnLst/>
              <a:rect l="l" t="t" r="r" b="b"/>
              <a:pathLst>
                <a:path w="13960" h="9190" extrusionOk="0">
                  <a:moveTo>
                    <a:pt x="12913" y="1047"/>
                  </a:moveTo>
                  <a:lnTo>
                    <a:pt x="12913" y="8143"/>
                  </a:lnTo>
                  <a:lnTo>
                    <a:pt x="1048" y="8143"/>
                  </a:lnTo>
                  <a:lnTo>
                    <a:pt x="1048" y="1047"/>
                  </a:lnTo>
                  <a:close/>
                  <a:moveTo>
                    <a:pt x="1" y="0"/>
                  </a:moveTo>
                  <a:lnTo>
                    <a:pt x="1" y="9190"/>
                  </a:lnTo>
                  <a:lnTo>
                    <a:pt x="13960" y="9190"/>
                  </a:lnTo>
                  <a:lnTo>
                    <a:pt x="13960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3" name="Google Shape;8504;p40"/>
            <p:cNvSpPr/>
            <p:nvPr/>
          </p:nvSpPr>
          <p:spPr>
            <a:xfrm>
              <a:off x="6720275" y="4728125"/>
              <a:ext cx="114900" cy="114900"/>
            </a:xfrm>
            <a:custGeom>
              <a:avLst/>
              <a:gdLst/>
              <a:ahLst/>
              <a:cxnLst/>
              <a:rect l="l" t="t" r="r" b="b"/>
              <a:pathLst>
                <a:path w="4596" h="4596" extrusionOk="0">
                  <a:moveTo>
                    <a:pt x="0" y="0"/>
                  </a:moveTo>
                  <a:lnTo>
                    <a:pt x="0" y="1047"/>
                  </a:lnTo>
                  <a:lnTo>
                    <a:pt x="3548" y="1047"/>
                  </a:lnTo>
                  <a:lnTo>
                    <a:pt x="3548" y="4595"/>
                  </a:lnTo>
                  <a:lnTo>
                    <a:pt x="4595" y="4595"/>
                  </a:lnTo>
                  <a:lnTo>
                    <a:pt x="4595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4" name="Google Shape;8505;p40"/>
            <p:cNvSpPr/>
            <p:nvPr/>
          </p:nvSpPr>
          <p:spPr>
            <a:xfrm>
              <a:off x="6557425" y="4728125"/>
              <a:ext cx="113425" cy="114900"/>
            </a:xfrm>
            <a:custGeom>
              <a:avLst/>
              <a:gdLst/>
              <a:ahLst/>
              <a:cxnLst/>
              <a:rect l="l" t="t" r="r" b="b"/>
              <a:pathLst>
                <a:path w="4537" h="4596" extrusionOk="0">
                  <a:moveTo>
                    <a:pt x="0" y="0"/>
                  </a:moveTo>
                  <a:lnTo>
                    <a:pt x="0" y="4595"/>
                  </a:lnTo>
                  <a:lnTo>
                    <a:pt x="989" y="4595"/>
                  </a:lnTo>
                  <a:lnTo>
                    <a:pt x="989" y="1047"/>
                  </a:lnTo>
                  <a:lnTo>
                    <a:pt x="4537" y="1047"/>
                  </a:lnTo>
                  <a:lnTo>
                    <a:pt x="453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5" name="Google Shape;8506;p40"/>
            <p:cNvSpPr/>
            <p:nvPr/>
          </p:nvSpPr>
          <p:spPr>
            <a:xfrm>
              <a:off x="6720275" y="4892425"/>
              <a:ext cx="114900" cy="113450"/>
            </a:xfrm>
            <a:custGeom>
              <a:avLst/>
              <a:gdLst/>
              <a:ahLst/>
              <a:cxnLst/>
              <a:rect l="l" t="t" r="r" b="b"/>
              <a:pathLst>
                <a:path w="4596" h="4538" extrusionOk="0">
                  <a:moveTo>
                    <a:pt x="3548" y="1"/>
                  </a:moveTo>
                  <a:lnTo>
                    <a:pt x="3548" y="3549"/>
                  </a:lnTo>
                  <a:lnTo>
                    <a:pt x="0" y="3549"/>
                  </a:lnTo>
                  <a:lnTo>
                    <a:pt x="0" y="4537"/>
                  </a:lnTo>
                  <a:lnTo>
                    <a:pt x="4595" y="4537"/>
                  </a:lnTo>
                  <a:lnTo>
                    <a:pt x="4595" y="1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6" name="Google Shape;8507;p40"/>
            <p:cNvSpPr/>
            <p:nvPr/>
          </p:nvSpPr>
          <p:spPr>
            <a:xfrm>
              <a:off x="6557425" y="4892425"/>
              <a:ext cx="113425" cy="113450"/>
            </a:xfrm>
            <a:custGeom>
              <a:avLst/>
              <a:gdLst/>
              <a:ahLst/>
              <a:cxnLst/>
              <a:rect l="l" t="t" r="r" b="b"/>
              <a:pathLst>
                <a:path w="4537" h="4538" extrusionOk="0">
                  <a:moveTo>
                    <a:pt x="0" y="1"/>
                  </a:moveTo>
                  <a:lnTo>
                    <a:pt x="0" y="4537"/>
                  </a:lnTo>
                  <a:lnTo>
                    <a:pt x="4537" y="4537"/>
                  </a:lnTo>
                  <a:lnTo>
                    <a:pt x="4537" y="3549"/>
                  </a:lnTo>
                  <a:lnTo>
                    <a:pt x="989" y="3549"/>
                  </a:lnTo>
                  <a:lnTo>
                    <a:pt x="989" y="1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7" name="Google Shape;8508;p40"/>
            <p:cNvSpPr/>
            <p:nvPr/>
          </p:nvSpPr>
          <p:spPr>
            <a:xfrm>
              <a:off x="3116100" y="4521600"/>
              <a:ext cx="142100" cy="120775"/>
            </a:xfrm>
            <a:custGeom>
              <a:avLst/>
              <a:gdLst/>
              <a:ahLst/>
              <a:cxnLst/>
              <a:rect l="l" t="t" r="r" b="b"/>
              <a:pathLst>
                <a:path w="5684" h="4831" extrusionOk="0">
                  <a:moveTo>
                    <a:pt x="3342" y="0"/>
                  </a:moveTo>
                  <a:cubicBezTo>
                    <a:pt x="3308" y="0"/>
                    <a:pt x="3274" y="1"/>
                    <a:pt x="3241" y="2"/>
                  </a:cubicBezTo>
                  <a:cubicBezTo>
                    <a:pt x="3217" y="2"/>
                    <a:pt x="3194" y="1"/>
                    <a:pt x="3170" y="1"/>
                  </a:cubicBezTo>
                  <a:cubicBezTo>
                    <a:pt x="1065" y="1"/>
                    <a:pt x="0" y="2579"/>
                    <a:pt x="1496" y="4132"/>
                  </a:cubicBezTo>
                  <a:cubicBezTo>
                    <a:pt x="1998" y="4615"/>
                    <a:pt x="2606" y="4831"/>
                    <a:pt x="3202" y="4831"/>
                  </a:cubicBezTo>
                  <a:cubicBezTo>
                    <a:pt x="4472" y="4831"/>
                    <a:pt x="5684" y="3851"/>
                    <a:pt x="5684" y="2387"/>
                  </a:cubicBezTo>
                  <a:cubicBezTo>
                    <a:pt x="5684" y="1083"/>
                    <a:pt x="4634" y="0"/>
                    <a:pt x="3342" y="0"/>
                  </a:cubicBezTo>
                  <a:close/>
                </a:path>
              </a:pathLst>
            </a:custGeom>
            <a:solidFill>
              <a:srgbClr val="00908E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25054586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etin Yer Tutucusu 1"/>
          <p:cNvSpPr>
            <a:spLocks noGrp="1"/>
          </p:cNvSpPr>
          <p:nvPr>
            <p:ph type="body" sz="quarter" idx="10"/>
          </p:nvPr>
        </p:nvSpPr>
        <p:spPr/>
        <p:txBody>
          <a:bodyPr>
            <a:normAutofit fontScale="92500" lnSpcReduction="10000"/>
          </a:bodyPr>
          <a:lstStyle/>
          <a:p>
            <a:endParaRPr lang="tr-TR"/>
          </a:p>
        </p:txBody>
      </p:sp>
      <p:pic>
        <p:nvPicPr>
          <p:cNvPr id="3" name="Bilirkişi 5.Bölüm - Kur'an-ı Kerim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776505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3"/>
                </p:tgtEl>
              </p:cMediaNode>
            </p:video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dörtgen 1"/>
          <p:cNvSpPr/>
          <p:nvPr/>
        </p:nvSpPr>
        <p:spPr>
          <a:xfrm>
            <a:off x="357718" y="1517867"/>
            <a:ext cx="5341755" cy="854439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2700" cap="flat" cmpd="sng" algn="ctr">
            <a:solidFill>
              <a:srgbClr val="5B9BD5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Son ilahi kitaptır.</a:t>
            </a:r>
          </a:p>
        </p:txBody>
      </p:sp>
      <p:sp>
        <p:nvSpPr>
          <p:cNvPr id="3" name="Dikdörtgen 2"/>
          <p:cNvSpPr/>
          <p:nvPr/>
        </p:nvSpPr>
        <p:spPr>
          <a:xfrm>
            <a:off x="394307" y="1560366"/>
            <a:ext cx="584747" cy="769441"/>
          </a:xfrm>
          <a:prstGeom prst="rect">
            <a:avLst/>
          </a:prstGeom>
          <a:solidFill>
            <a:sysClr val="window" lastClr="FFFFFF"/>
          </a:solidFill>
          <a:ln w="12700" cap="flat" cmpd="sng" algn="ctr">
            <a:solidFill>
              <a:srgbClr val="5B9BD5"/>
            </a:solidFill>
            <a:prstDash val="solid"/>
            <a:miter lim="800000"/>
          </a:ln>
          <a:effectLst/>
        </p:spPr>
        <p:txBody>
          <a:bodyPr wrap="square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Open Sans" panose="020B0606030504020204" pitchFamily="34" charset="0"/>
                <a:ea typeface="맑은 고딕"/>
                <a:cs typeface="+mn-cs"/>
              </a:rPr>
              <a:t>✓</a:t>
            </a:r>
          </a:p>
        </p:txBody>
      </p:sp>
      <p:sp>
        <p:nvSpPr>
          <p:cNvPr id="4" name="Dikdörtgen 3"/>
          <p:cNvSpPr/>
          <p:nvPr/>
        </p:nvSpPr>
        <p:spPr>
          <a:xfrm>
            <a:off x="6087327" y="1452942"/>
            <a:ext cx="5939372" cy="794479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2700" cap="flat" cmpd="sng" algn="ctr">
            <a:solidFill>
              <a:srgbClr val="5B9BD5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    </a:t>
            </a:r>
            <a:r>
              <a:rPr kumimoji="0" lang="tr-TR" sz="2400" b="0" i="0" u="none" strike="noStrike" kern="0" cap="none" spc="0" normalizeH="0" baseline="0" noProof="0" dirty="0">
                <a:ln>
                  <a:noFill/>
                </a:ln>
                <a:solidFill>
                  <a:srgbClr val="E7E6E6">
                    <a:lumMod val="10000"/>
                  </a:srgbClr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Bozulmadan günümüze kadar gelmiştir</a:t>
            </a: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srgbClr val="E7E6E6">
                    <a:lumMod val="10000"/>
                  </a:srgbClr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.</a:t>
            </a:r>
            <a:endParaRPr kumimoji="0" lang="tr-TR" sz="2800" b="0" i="0" u="none" strike="noStrike" kern="1200" cap="none" spc="0" normalizeH="0" baseline="0" noProof="0" dirty="0">
              <a:ln>
                <a:noFill/>
              </a:ln>
              <a:solidFill>
                <a:srgbClr val="E7E6E6">
                  <a:lumMod val="10000"/>
                </a:srgbClr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" name="Dikdörtgen 4"/>
          <p:cNvSpPr/>
          <p:nvPr/>
        </p:nvSpPr>
        <p:spPr>
          <a:xfrm>
            <a:off x="6117305" y="1488829"/>
            <a:ext cx="686385" cy="646331"/>
          </a:xfrm>
          <a:prstGeom prst="rect">
            <a:avLst/>
          </a:prstGeom>
          <a:solidFill>
            <a:sysClr val="window" lastClr="FFFFFF"/>
          </a:solidFill>
          <a:ln w="12700" cap="flat" cmpd="sng" algn="ctr">
            <a:solidFill>
              <a:srgbClr val="5B9BD5"/>
            </a:solidFill>
            <a:prstDash val="solid"/>
            <a:miter lim="800000"/>
          </a:ln>
          <a:effectLst/>
        </p:spPr>
        <p:txBody>
          <a:bodyPr wrap="square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Articulate Extrabold" panose="02000503050000020004" pitchFamily="2" charset="0"/>
                <a:ea typeface="맑은 고딕"/>
                <a:cs typeface="+mn-cs"/>
              </a:rPr>
              <a:t>✓</a:t>
            </a:r>
          </a:p>
        </p:txBody>
      </p:sp>
      <p:sp>
        <p:nvSpPr>
          <p:cNvPr id="6" name="Dikdörtgen 5"/>
          <p:cNvSpPr/>
          <p:nvPr/>
        </p:nvSpPr>
        <p:spPr>
          <a:xfrm>
            <a:off x="357718" y="3861466"/>
            <a:ext cx="5341756" cy="794479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2700" cap="flat" cmpd="sng" algn="ctr">
            <a:solidFill>
              <a:srgbClr val="5B9BD5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1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ili Arapçadır.</a:t>
            </a:r>
          </a:p>
        </p:txBody>
      </p:sp>
      <p:sp>
        <p:nvSpPr>
          <p:cNvPr id="7" name="Dikdörtgen 6"/>
          <p:cNvSpPr/>
          <p:nvPr/>
        </p:nvSpPr>
        <p:spPr>
          <a:xfrm>
            <a:off x="394307" y="3892243"/>
            <a:ext cx="584747" cy="707886"/>
          </a:xfrm>
          <a:prstGeom prst="rect">
            <a:avLst/>
          </a:prstGeom>
          <a:solidFill>
            <a:sysClr val="window" lastClr="FFFFFF"/>
          </a:solidFill>
          <a:ln w="12700" cap="flat" cmpd="sng" algn="ctr">
            <a:solidFill>
              <a:srgbClr val="5B9BD5"/>
            </a:solidFill>
            <a:prstDash val="solid"/>
            <a:miter lim="800000"/>
          </a:ln>
          <a:effectLst/>
        </p:spPr>
        <p:txBody>
          <a:bodyPr wrap="square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Open Sans" panose="020B0606030504020204" pitchFamily="34" charset="0"/>
                <a:ea typeface="맑은 고딕"/>
                <a:cs typeface="+mn-cs"/>
              </a:rPr>
              <a:t>✓</a:t>
            </a:r>
          </a:p>
        </p:txBody>
      </p:sp>
      <p:sp>
        <p:nvSpPr>
          <p:cNvPr id="8" name="Dikdörtgen 7"/>
          <p:cNvSpPr/>
          <p:nvPr/>
        </p:nvSpPr>
        <p:spPr>
          <a:xfrm>
            <a:off x="357718" y="2614922"/>
            <a:ext cx="5341755" cy="794479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2700" cap="flat" cmpd="sng" algn="ctr">
            <a:solidFill>
              <a:srgbClr val="5B9BD5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Ondan başka ilahi kitap yoktur</a:t>
            </a: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.</a:t>
            </a:r>
            <a:endParaRPr kumimoji="0" lang="tr-TR" sz="44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9" name="Dikdörtgen 8"/>
          <p:cNvSpPr/>
          <p:nvPr/>
        </p:nvSpPr>
        <p:spPr>
          <a:xfrm>
            <a:off x="383415" y="2638177"/>
            <a:ext cx="595639" cy="707886"/>
          </a:xfrm>
          <a:prstGeom prst="rect">
            <a:avLst/>
          </a:prstGeom>
          <a:solidFill>
            <a:sysClr val="window" lastClr="FFFFFF"/>
          </a:solidFill>
          <a:ln w="12700" cap="flat" cmpd="sng" algn="ctr">
            <a:solidFill>
              <a:srgbClr val="5B9BD5"/>
            </a:solidFill>
            <a:prstDash val="solid"/>
            <a:miter lim="800000"/>
          </a:ln>
          <a:effectLst/>
        </p:spPr>
        <p:txBody>
          <a:bodyPr wrap="square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Open Sans" panose="020B0606030504020204" pitchFamily="34" charset="0"/>
                <a:ea typeface="맑은 고딕"/>
                <a:cs typeface="+mn-cs"/>
              </a:rPr>
              <a:t>X</a:t>
            </a:r>
          </a:p>
        </p:txBody>
      </p:sp>
      <p:sp>
        <p:nvSpPr>
          <p:cNvPr id="10" name="Dikdörtgen 9"/>
          <p:cNvSpPr/>
          <p:nvPr/>
        </p:nvSpPr>
        <p:spPr>
          <a:xfrm>
            <a:off x="6127744" y="5128335"/>
            <a:ext cx="5898002" cy="794479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2700" cap="flat" cmpd="sng" algn="ctr">
            <a:solidFill>
              <a:srgbClr val="5B9BD5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ili Türkçedir</a:t>
            </a:r>
          </a:p>
        </p:txBody>
      </p:sp>
      <p:sp>
        <p:nvSpPr>
          <p:cNvPr id="11" name="Dikdörtgen 10"/>
          <p:cNvSpPr/>
          <p:nvPr/>
        </p:nvSpPr>
        <p:spPr>
          <a:xfrm>
            <a:off x="6173463" y="5171631"/>
            <a:ext cx="652272" cy="707886"/>
          </a:xfrm>
          <a:prstGeom prst="rect">
            <a:avLst/>
          </a:prstGeom>
          <a:solidFill>
            <a:sysClr val="window" lastClr="FFFFFF"/>
          </a:solidFill>
          <a:ln w="12700" cap="flat" cmpd="sng" algn="ctr">
            <a:solidFill>
              <a:srgbClr val="5B9BD5"/>
            </a:solidFill>
            <a:prstDash val="solid"/>
            <a:miter lim="800000"/>
          </a:ln>
          <a:effectLst/>
        </p:spPr>
        <p:txBody>
          <a:bodyPr wrap="square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Open Sans" panose="020B0606030504020204" pitchFamily="34" charset="0"/>
                <a:ea typeface="맑은 고딕"/>
                <a:cs typeface="+mn-cs"/>
              </a:rPr>
              <a:t>X</a:t>
            </a:r>
          </a:p>
        </p:txBody>
      </p:sp>
      <p:sp>
        <p:nvSpPr>
          <p:cNvPr id="12" name="Dikdörtgen 11"/>
          <p:cNvSpPr/>
          <p:nvPr/>
        </p:nvSpPr>
        <p:spPr>
          <a:xfrm>
            <a:off x="322745" y="5142190"/>
            <a:ext cx="5376728" cy="794479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2700" cap="flat" cmpd="sng" algn="ctr">
            <a:solidFill>
              <a:srgbClr val="5B9BD5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    </a:t>
            </a: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srgbClr val="E7E6E6">
                    <a:lumMod val="10000"/>
                  </a:srgbClr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İçinde sureler ve ayetler</a:t>
            </a:r>
            <a:r>
              <a:rPr kumimoji="0" lang="tr-TR" sz="2800" b="0" i="0" u="none" strike="noStrike" kern="0" cap="none" spc="0" normalizeH="0" noProof="0" dirty="0">
                <a:ln>
                  <a:noFill/>
                </a:ln>
                <a:solidFill>
                  <a:srgbClr val="E7E6E6">
                    <a:lumMod val="10000"/>
                  </a:srgbClr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 vardır.</a:t>
            </a:r>
            <a:endParaRPr kumimoji="0" lang="tr-TR" sz="2800" b="0" i="0" u="none" strike="noStrike" kern="0" cap="none" spc="0" normalizeH="0" baseline="0" noProof="0" dirty="0">
              <a:ln>
                <a:noFill/>
              </a:ln>
              <a:solidFill>
                <a:srgbClr val="E7E6E6">
                  <a:lumMod val="10000"/>
                </a:srgbClr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13" name="Dikdörtgen 12"/>
          <p:cNvSpPr/>
          <p:nvPr/>
        </p:nvSpPr>
        <p:spPr>
          <a:xfrm>
            <a:off x="357719" y="5191335"/>
            <a:ext cx="621336" cy="707886"/>
          </a:xfrm>
          <a:prstGeom prst="rect">
            <a:avLst/>
          </a:prstGeom>
          <a:solidFill>
            <a:sysClr val="window" lastClr="FFFFFF"/>
          </a:solidFill>
          <a:ln w="12700" cap="flat" cmpd="sng" algn="ctr">
            <a:solidFill>
              <a:srgbClr val="5B9BD5"/>
            </a:solidFill>
            <a:prstDash val="solid"/>
            <a:miter lim="800000"/>
          </a:ln>
          <a:effectLst/>
        </p:spPr>
        <p:txBody>
          <a:bodyPr wrap="square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1" i="0" u="none" strike="noStrike" kern="0" cap="none" spc="0" normalizeH="0" baseline="0" noProof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Open Sans" panose="020B0606030504020204" pitchFamily="34" charset="0"/>
                <a:ea typeface="맑은 고딕"/>
                <a:cs typeface="+mn-cs"/>
              </a:rPr>
              <a:t>✓</a:t>
            </a:r>
            <a:endParaRPr kumimoji="0" lang="tr-TR" sz="4000" b="1" i="0" u="none" strike="noStrike" kern="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Open Sans" panose="020B0606030504020204" pitchFamily="34" charset="0"/>
              <a:ea typeface="맑은 고딕"/>
              <a:cs typeface="+mn-cs"/>
            </a:endParaRPr>
          </a:p>
        </p:txBody>
      </p:sp>
      <p:sp>
        <p:nvSpPr>
          <p:cNvPr id="14" name="Unvan 1"/>
          <p:cNvSpPr txBox="1">
            <a:spLocks/>
          </p:cNvSpPr>
          <p:nvPr/>
        </p:nvSpPr>
        <p:spPr>
          <a:xfrm>
            <a:off x="1365662" y="182902"/>
            <a:ext cx="9511109" cy="752284"/>
          </a:xfrm>
          <a:prstGeom prst="rect">
            <a:avLst/>
          </a:prstGeom>
          <a:solidFill>
            <a:srgbClr val="FFC000">
              <a:lumMod val="40000"/>
              <a:lumOff val="60000"/>
            </a:srgbClr>
          </a:solidFill>
          <a:ln>
            <a:noFill/>
          </a:ln>
        </p:spPr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b="0" i="0" u="none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lvl="0" algn="ctr">
              <a:defRPr/>
            </a:pPr>
            <a:r>
              <a:rPr lang="tr-TR" sz="3000" dirty="0">
                <a:solidFill>
                  <a:sysClr val="windowText" lastClr="000000"/>
                </a:solidFill>
                <a:latin typeface="Calibri" panose="020F0502020204030204"/>
              </a:rPr>
              <a:t>Aşağıdaki ifadelerde Kur’an’ın özelliklerini işaretleyelim.</a:t>
            </a:r>
          </a:p>
        </p:txBody>
      </p:sp>
      <p:sp>
        <p:nvSpPr>
          <p:cNvPr id="15" name="Yuvarlatılmış Dikdörtgen 14"/>
          <p:cNvSpPr/>
          <p:nvPr/>
        </p:nvSpPr>
        <p:spPr>
          <a:xfrm>
            <a:off x="0" y="6522144"/>
            <a:ext cx="12192000" cy="383982"/>
          </a:xfrm>
          <a:prstGeom prst="roundRect">
            <a:avLst/>
          </a:prstGeom>
          <a:solidFill>
            <a:srgbClr val="44546A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16" name="Komut Düğmesi: Geri veya Önceki 15">
            <a:hlinkClick r:id="" action="ppaction://hlinkshowjump?jump=previousslide" highlightClick="1"/>
          </p:cNvPr>
          <p:cNvSpPr/>
          <p:nvPr/>
        </p:nvSpPr>
        <p:spPr>
          <a:xfrm>
            <a:off x="10656279" y="6513474"/>
            <a:ext cx="395785" cy="372571"/>
          </a:xfrm>
          <a:prstGeom prst="actionButtonBackPrevious">
            <a:avLst/>
          </a:prstGeom>
          <a:gradFill flip="none" rotWithShape="1">
            <a:gsLst>
              <a:gs pos="0">
                <a:srgbClr val="4472C4">
                  <a:lumMod val="5000"/>
                  <a:lumOff val="95000"/>
                </a:srgbClr>
              </a:gs>
              <a:gs pos="74000">
                <a:srgbClr val="4472C4">
                  <a:lumMod val="45000"/>
                  <a:lumOff val="55000"/>
                </a:srgbClr>
              </a:gs>
              <a:gs pos="83000">
                <a:srgbClr val="4472C4">
                  <a:lumMod val="45000"/>
                  <a:lumOff val="55000"/>
                </a:srgbClr>
              </a:gs>
              <a:gs pos="100000">
                <a:srgbClr val="4472C4">
                  <a:lumMod val="30000"/>
                  <a:lumOff val="70000"/>
                </a:srgbClr>
              </a:gs>
            </a:gsLst>
            <a:lin ang="5400000" scaled="1"/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17" name="Komut Düğmesi: İleri veya Sonraki 16">
            <a:hlinkClick r:id="" action="ppaction://hlinkshowjump?jump=nextslide" highlightClick="1"/>
          </p:cNvPr>
          <p:cNvSpPr/>
          <p:nvPr/>
        </p:nvSpPr>
        <p:spPr>
          <a:xfrm>
            <a:off x="11738249" y="6522144"/>
            <a:ext cx="412785" cy="348579"/>
          </a:xfrm>
          <a:prstGeom prst="actionButtonForwardNext">
            <a:avLst/>
          </a:prstGeom>
          <a:gradFill flip="none" rotWithShape="1">
            <a:gsLst>
              <a:gs pos="0">
                <a:srgbClr val="4472C4">
                  <a:lumMod val="5000"/>
                  <a:lumOff val="95000"/>
                </a:srgbClr>
              </a:gs>
              <a:gs pos="74000">
                <a:srgbClr val="4472C4">
                  <a:lumMod val="45000"/>
                  <a:lumOff val="55000"/>
                </a:srgbClr>
              </a:gs>
              <a:gs pos="83000">
                <a:srgbClr val="4472C4">
                  <a:lumMod val="45000"/>
                  <a:lumOff val="55000"/>
                </a:srgbClr>
              </a:gs>
              <a:gs pos="100000">
                <a:srgbClr val="4472C4">
                  <a:lumMod val="30000"/>
                  <a:lumOff val="70000"/>
                </a:srgbClr>
              </a:gs>
            </a:gsLst>
            <a:lin ang="5400000" scaled="1"/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18" name="Komut Düğmesi: Giriş 17">
            <a:hlinkClick r:id="" action="ppaction://hlinkshowjump?jump=firstslide" highlightClick="1"/>
          </p:cNvPr>
          <p:cNvSpPr/>
          <p:nvPr/>
        </p:nvSpPr>
        <p:spPr>
          <a:xfrm>
            <a:off x="11132057" y="6522144"/>
            <a:ext cx="526199" cy="348579"/>
          </a:xfrm>
          <a:prstGeom prst="actionButtonHome">
            <a:avLst/>
          </a:prstGeom>
          <a:gradFill flip="none" rotWithShape="1">
            <a:gsLst>
              <a:gs pos="0">
                <a:srgbClr val="4472C4">
                  <a:lumMod val="5000"/>
                  <a:lumOff val="95000"/>
                </a:srgbClr>
              </a:gs>
              <a:gs pos="74000">
                <a:srgbClr val="4472C4">
                  <a:lumMod val="45000"/>
                  <a:lumOff val="55000"/>
                </a:srgbClr>
              </a:gs>
              <a:gs pos="83000">
                <a:srgbClr val="4472C4">
                  <a:lumMod val="45000"/>
                  <a:lumOff val="55000"/>
                </a:srgbClr>
              </a:gs>
              <a:gs pos="100000">
                <a:srgbClr val="4472C4">
                  <a:lumMod val="30000"/>
                  <a:lumOff val="70000"/>
                </a:srgbClr>
              </a:gs>
            </a:gsLst>
            <a:lin ang="5400000" scaled="1"/>
            <a:tileRect/>
          </a:gra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19" name="Dikdörtgen 18"/>
          <p:cNvSpPr/>
          <p:nvPr/>
        </p:nvSpPr>
        <p:spPr>
          <a:xfrm>
            <a:off x="6087327" y="2594761"/>
            <a:ext cx="5939372" cy="794479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2700" cap="flat" cmpd="sng" algn="ctr">
            <a:solidFill>
              <a:srgbClr val="5B9BD5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23 yılda indirilmiştir.</a:t>
            </a:r>
          </a:p>
        </p:txBody>
      </p:sp>
      <p:sp>
        <p:nvSpPr>
          <p:cNvPr id="20" name="Dikdörtgen 19"/>
          <p:cNvSpPr/>
          <p:nvPr/>
        </p:nvSpPr>
        <p:spPr>
          <a:xfrm>
            <a:off x="6117305" y="2630648"/>
            <a:ext cx="686385" cy="646331"/>
          </a:xfrm>
          <a:prstGeom prst="rect">
            <a:avLst/>
          </a:prstGeom>
          <a:solidFill>
            <a:sysClr val="window" lastClr="FFFFFF"/>
          </a:solidFill>
          <a:ln w="12700" cap="flat" cmpd="sng" algn="ctr">
            <a:solidFill>
              <a:srgbClr val="5B9BD5"/>
            </a:solidFill>
            <a:prstDash val="solid"/>
            <a:miter lim="800000"/>
          </a:ln>
          <a:effectLst/>
        </p:spPr>
        <p:txBody>
          <a:bodyPr wrap="square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Articulate Extrabold" panose="02000503050000020004" pitchFamily="2" charset="0"/>
                <a:ea typeface="맑은 고딕"/>
                <a:cs typeface="+mn-cs"/>
              </a:rPr>
              <a:t>✓</a:t>
            </a:r>
          </a:p>
        </p:txBody>
      </p:sp>
      <p:sp>
        <p:nvSpPr>
          <p:cNvPr id="21" name="Dikdörtgen 20"/>
          <p:cNvSpPr/>
          <p:nvPr/>
        </p:nvSpPr>
        <p:spPr>
          <a:xfrm>
            <a:off x="6087327" y="3875485"/>
            <a:ext cx="5939372" cy="794479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 w="12700" cap="flat" cmpd="sng" algn="ctr">
            <a:solidFill>
              <a:srgbClr val="5B9BD5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     </a:t>
            </a: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İçinde İslam’ın emir ve yasakları vardır.</a:t>
            </a:r>
            <a:endParaRPr kumimoji="0" lang="tr-TR" sz="32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22" name="Dikdörtgen 21"/>
          <p:cNvSpPr/>
          <p:nvPr/>
        </p:nvSpPr>
        <p:spPr>
          <a:xfrm>
            <a:off x="6117305" y="3911372"/>
            <a:ext cx="686385" cy="646331"/>
          </a:xfrm>
          <a:prstGeom prst="rect">
            <a:avLst/>
          </a:prstGeom>
          <a:solidFill>
            <a:sysClr val="window" lastClr="FFFFFF"/>
          </a:solidFill>
          <a:ln w="12700" cap="flat" cmpd="sng" algn="ctr">
            <a:solidFill>
              <a:srgbClr val="5B9BD5"/>
            </a:solidFill>
            <a:prstDash val="solid"/>
            <a:miter lim="800000"/>
          </a:ln>
          <a:effectLst/>
        </p:spPr>
        <p:txBody>
          <a:bodyPr wrap="square" anchor="ctr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1" i="0" u="none" strike="noStrike" kern="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Articulate Extrabold" panose="02000503050000020004" pitchFamily="2" charset="0"/>
                <a:ea typeface="맑은 고딕"/>
                <a:cs typeface="+mn-cs"/>
              </a:rPr>
              <a:t>✓</a:t>
            </a:r>
          </a:p>
        </p:txBody>
      </p:sp>
      <p:pic>
        <p:nvPicPr>
          <p:cNvPr id="23" name="Resim 22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03605" y="193963"/>
            <a:ext cx="1029450" cy="92004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404850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oogle Shape;2282;p54"/>
          <p:cNvGrpSpPr/>
          <p:nvPr/>
        </p:nvGrpSpPr>
        <p:grpSpPr>
          <a:xfrm>
            <a:off x="5197396" y="1289616"/>
            <a:ext cx="6404053" cy="4634934"/>
            <a:chOff x="3578510" y="1419647"/>
            <a:chExt cx="4021500" cy="3062887"/>
          </a:xfrm>
        </p:grpSpPr>
        <p:sp>
          <p:nvSpPr>
            <p:cNvPr id="3" name="Google Shape;2283;p54"/>
            <p:cNvSpPr/>
            <p:nvPr/>
          </p:nvSpPr>
          <p:spPr>
            <a:xfrm>
              <a:off x="3716658" y="1548119"/>
              <a:ext cx="3748500" cy="228570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4" name="Google Shape;2284;p54"/>
            <p:cNvSpPr/>
            <p:nvPr/>
          </p:nvSpPr>
          <p:spPr>
            <a:xfrm>
              <a:off x="3578510" y="1419647"/>
              <a:ext cx="4021500" cy="2544300"/>
            </a:xfrm>
            <a:prstGeom prst="roundRect">
              <a:avLst>
                <a:gd name="adj" fmla="val 3857"/>
              </a:avLst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5" name="Google Shape;2285;p54"/>
            <p:cNvSpPr/>
            <p:nvPr/>
          </p:nvSpPr>
          <p:spPr>
            <a:xfrm>
              <a:off x="4900908" y="3963886"/>
              <a:ext cx="1373274" cy="518648"/>
            </a:xfrm>
            <a:custGeom>
              <a:avLst/>
              <a:gdLst/>
              <a:ahLst/>
              <a:cxnLst/>
              <a:rect l="l" t="t" r="r" b="b"/>
              <a:pathLst>
                <a:path w="65999" h="24926" extrusionOk="0">
                  <a:moveTo>
                    <a:pt x="13372" y="0"/>
                  </a:moveTo>
                  <a:cubicBezTo>
                    <a:pt x="13051" y="1881"/>
                    <a:pt x="12653" y="8225"/>
                    <a:pt x="11445" y="11283"/>
                  </a:cubicBezTo>
                  <a:cubicBezTo>
                    <a:pt x="10237" y="14341"/>
                    <a:pt x="7883" y="16511"/>
                    <a:pt x="6125" y="18346"/>
                  </a:cubicBezTo>
                  <a:cubicBezTo>
                    <a:pt x="4367" y="20181"/>
                    <a:pt x="1875" y="21297"/>
                    <a:pt x="896" y="22291"/>
                  </a:cubicBezTo>
                  <a:cubicBezTo>
                    <a:pt x="-82" y="23285"/>
                    <a:pt x="-174" y="23896"/>
                    <a:pt x="254" y="24309"/>
                  </a:cubicBezTo>
                  <a:cubicBezTo>
                    <a:pt x="682" y="24722"/>
                    <a:pt x="805" y="24692"/>
                    <a:pt x="3465" y="24768"/>
                  </a:cubicBezTo>
                  <a:cubicBezTo>
                    <a:pt x="6125" y="24845"/>
                    <a:pt x="10925" y="24768"/>
                    <a:pt x="16215" y="24768"/>
                  </a:cubicBezTo>
                  <a:cubicBezTo>
                    <a:pt x="21505" y="24768"/>
                    <a:pt x="28630" y="24768"/>
                    <a:pt x="35204" y="24768"/>
                  </a:cubicBezTo>
                  <a:cubicBezTo>
                    <a:pt x="41778" y="24768"/>
                    <a:pt x="50783" y="24768"/>
                    <a:pt x="55660" y="24768"/>
                  </a:cubicBezTo>
                  <a:cubicBezTo>
                    <a:pt x="60537" y="24768"/>
                    <a:pt x="62754" y="25104"/>
                    <a:pt x="64466" y="24768"/>
                  </a:cubicBezTo>
                  <a:cubicBezTo>
                    <a:pt x="66178" y="24432"/>
                    <a:pt x="66056" y="23346"/>
                    <a:pt x="65934" y="22750"/>
                  </a:cubicBezTo>
                  <a:cubicBezTo>
                    <a:pt x="65812" y="22154"/>
                    <a:pt x="65353" y="22765"/>
                    <a:pt x="63732" y="21190"/>
                  </a:cubicBezTo>
                  <a:cubicBezTo>
                    <a:pt x="62111" y="19615"/>
                    <a:pt x="57999" y="16512"/>
                    <a:pt x="56210" y="13301"/>
                  </a:cubicBezTo>
                  <a:cubicBezTo>
                    <a:pt x="54421" y="10091"/>
                    <a:pt x="53505" y="4083"/>
                    <a:pt x="53000" y="1927"/>
                  </a:cubicBezTo>
                  <a:cubicBezTo>
                    <a:pt x="52496" y="-229"/>
                    <a:pt x="53153" y="627"/>
                    <a:pt x="53183" y="367"/>
                  </a:cubicBezTo>
                </a:path>
              </a:pathLst>
            </a:cu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  <p:txBody>
            <a:bodyPr/>
            <a:lstStyle/>
            <a:p>
              <a:endParaRPr lang="tr-TR"/>
            </a:p>
          </p:txBody>
        </p:sp>
        <p:cxnSp>
          <p:nvCxnSpPr>
            <p:cNvPr id="6" name="Google Shape;2286;p54"/>
            <p:cNvCxnSpPr/>
            <p:nvPr/>
          </p:nvCxnSpPr>
          <p:spPr>
            <a:xfrm>
              <a:off x="4915750" y="4433452"/>
              <a:ext cx="1353300" cy="0"/>
            </a:xfrm>
            <a:prstGeom prst="straightConnector1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med" len="med"/>
              <a:tailEnd type="none" w="med" len="med"/>
            </a:ln>
          </p:spPr>
        </p:cxnSp>
      </p:grpSp>
      <p:grpSp>
        <p:nvGrpSpPr>
          <p:cNvPr id="8" name="Google Shape;2299;p54"/>
          <p:cNvGrpSpPr/>
          <p:nvPr/>
        </p:nvGrpSpPr>
        <p:grpSpPr>
          <a:xfrm>
            <a:off x="7086600" y="6095160"/>
            <a:ext cx="2358113" cy="362790"/>
            <a:chOff x="1816609" y="3851001"/>
            <a:chExt cx="1093674" cy="222193"/>
          </a:xfrm>
        </p:grpSpPr>
        <p:sp>
          <p:nvSpPr>
            <p:cNvPr id="9" name="Google Shape;2300;p54"/>
            <p:cNvSpPr/>
            <p:nvPr/>
          </p:nvSpPr>
          <p:spPr>
            <a:xfrm>
              <a:off x="1816609" y="3851001"/>
              <a:ext cx="1093674" cy="222193"/>
            </a:xfrm>
            <a:custGeom>
              <a:avLst/>
              <a:gdLst/>
              <a:ahLst/>
              <a:cxnLst/>
              <a:rect l="l" t="t" r="r" b="b"/>
              <a:pathLst>
                <a:path w="38900" h="7903" extrusionOk="0">
                  <a:moveTo>
                    <a:pt x="32154" y="852"/>
                  </a:moveTo>
                  <a:cubicBezTo>
                    <a:pt x="32029" y="852"/>
                    <a:pt x="31911" y="870"/>
                    <a:pt x="31815" y="910"/>
                  </a:cubicBezTo>
                  <a:cubicBezTo>
                    <a:pt x="30934" y="1259"/>
                    <a:pt x="30057" y="1619"/>
                    <a:pt x="29183" y="1986"/>
                  </a:cubicBezTo>
                  <a:cubicBezTo>
                    <a:pt x="30289" y="1683"/>
                    <a:pt x="31405" y="1423"/>
                    <a:pt x="32535" y="1209"/>
                  </a:cubicBezTo>
                  <a:cubicBezTo>
                    <a:pt x="32581" y="1198"/>
                    <a:pt x="32635" y="1195"/>
                    <a:pt x="32688" y="1195"/>
                  </a:cubicBezTo>
                  <a:cubicBezTo>
                    <a:pt x="32853" y="1195"/>
                    <a:pt x="33041" y="1234"/>
                    <a:pt x="33223" y="1298"/>
                  </a:cubicBezTo>
                  <a:cubicBezTo>
                    <a:pt x="32998" y="1017"/>
                    <a:pt x="32532" y="852"/>
                    <a:pt x="32154" y="852"/>
                  </a:cubicBezTo>
                  <a:close/>
                  <a:moveTo>
                    <a:pt x="36026" y="1808"/>
                  </a:moveTo>
                  <a:cubicBezTo>
                    <a:pt x="35323" y="1808"/>
                    <a:pt x="34635" y="1886"/>
                    <a:pt x="33969" y="2036"/>
                  </a:cubicBezTo>
                  <a:cubicBezTo>
                    <a:pt x="33969" y="2172"/>
                    <a:pt x="33908" y="2318"/>
                    <a:pt x="33758" y="2464"/>
                  </a:cubicBezTo>
                  <a:cubicBezTo>
                    <a:pt x="33648" y="2575"/>
                    <a:pt x="33541" y="2689"/>
                    <a:pt x="33441" y="2803"/>
                  </a:cubicBezTo>
                  <a:cubicBezTo>
                    <a:pt x="33530" y="2781"/>
                    <a:pt x="33619" y="2775"/>
                    <a:pt x="33712" y="2775"/>
                  </a:cubicBezTo>
                  <a:cubicBezTo>
                    <a:pt x="34364" y="2775"/>
                    <a:pt x="35031" y="3256"/>
                    <a:pt x="35052" y="3695"/>
                  </a:cubicBezTo>
                  <a:cubicBezTo>
                    <a:pt x="35341" y="3655"/>
                    <a:pt x="35634" y="3637"/>
                    <a:pt x="35926" y="3637"/>
                  </a:cubicBezTo>
                  <a:cubicBezTo>
                    <a:pt x="36290" y="3637"/>
                    <a:pt x="36657" y="3666"/>
                    <a:pt x="37028" y="3723"/>
                  </a:cubicBezTo>
                  <a:cubicBezTo>
                    <a:pt x="37099" y="3734"/>
                    <a:pt x="37170" y="3737"/>
                    <a:pt x="37234" y="3737"/>
                  </a:cubicBezTo>
                  <a:cubicBezTo>
                    <a:pt x="38415" y="3737"/>
                    <a:pt x="38900" y="2136"/>
                    <a:pt x="37502" y="1922"/>
                  </a:cubicBezTo>
                  <a:cubicBezTo>
                    <a:pt x="37007" y="1843"/>
                    <a:pt x="36511" y="1808"/>
                    <a:pt x="36026" y="1808"/>
                  </a:cubicBezTo>
                  <a:close/>
                  <a:moveTo>
                    <a:pt x="6480" y="3645"/>
                  </a:moveTo>
                  <a:lnTo>
                    <a:pt x="6480" y="3645"/>
                  </a:lnTo>
                  <a:cubicBezTo>
                    <a:pt x="6466" y="3652"/>
                    <a:pt x="6455" y="3655"/>
                    <a:pt x="6441" y="3659"/>
                  </a:cubicBezTo>
                  <a:cubicBezTo>
                    <a:pt x="6412" y="3723"/>
                    <a:pt x="6383" y="3787"/>
                    <a:pt x="6359" y="3851"/>
                  </a:cubicBezTo>
                  <a:cubicBezTo>
                    <a:pt x="6398" y="3784"/>
                    <a:pt x="6437" y="3713"/>
                    <a:pt x="6480" y="3645"/>
                  </a:cubicBezTo>
                  <a:close/>
                  <a:moveTo>
                    <a:pt x="21010" y="0"/>
                  </a:moveTo>
                  <a:cubicBezTo>
                    <a:pt x="20879" y="0"/>
                    <a:pt x="20747" y="18"/>
                    <a:pt x="20622" y="64"/>
                  </a:cubicBezTo>
                  <a:cubicBezTo>
                    <a:pt x="18436" y="831"/>
                    <a:pt x="16353" y="1801"/>
                    <a:pt x="14389" y="2977"/>
                  </a:cubicBezTo>
                  <a:cubicBezTo>
                    <a:pt x="14735" y="2475"/>
                    <a:pt x="15102" y="1990"/>
                    <a:pt x="15491" y="1512"/>
                  </a:cubicBezTo>
                  <a:cubicBezTo>
                    <a:pt x="16118" y="746"/>
                    <a:pt x="15117" y="289"/>
                    <a:pt x="14353" y="289"/>
                  </a:cubicBezTo>
                  <a:cubicBezTo>
                    <a:pt x="14154" y="289"/>
                    <a:pt x="13972" y="318"/>
                    <a:pt x="13836" y="385"/>
                  </a:cubicBezTo>
                  <a:cubicBezTo>
                    <a:pt x="12110" y="1244"/>
                    <a:pt x="10484" y="2261"/>
                    <a:pt x="8969" y="3431"/>
                  </a:cubicBezTo>
                  <a:cubicBezTo>
                    <a:pt x="9272" y="2842"/>
                    <a:pt x="9614" y="2268"/>
                    <a:pt x="9996" y="1708"/>
                  </a:cubicBezTo>
                  <a:cubicBezTo>
                    <a:pt x="10542" y="906"/>
                    <a:pt x="9646" y="471"/>
                    <a:pt x="8905" y="471"/>
                  </a:cubicBezTo>
                  <a:cubicBezTo>
                    <a:pt x="8694" y="471"/>
                    <a:pt x="8491" y="507"/>
                    <a:pt x="8341" y="581"/>
                  </a:cubicBezTo>
                  <a:cubicBezTo>
                    <a:pt x="5938" y="1741"/>
                    <a:pt x="3534" y="2903"/>
                    <a:pt x="1131" y="4062"/>
                  </a:cubicBezTo>
                  <a:cubicBezTo>
                    <a:pt x="1" y="4608"/>
                    <a:pt x="893" y="5670"/>
                    <a:pt x="1862" y="5670"/>
                  </a:cubicBezTo>
                  <a:cubicBezTo>
                    <a:pt x="2045" y="5670"/>
                    <a:pt x="2226" y="5635"/>
                    <a:pt x="2401" y="5549"/>
                  </a:cubicBezTo>
                  <a:cubicBezTo>
                    <a:pt x="3546" y="4996"/>
                    <a:pt x="4690" y="4443"/>
                    <a:pt x="5835" y="3891"/>
                  </a:cubicBezTo>
                  <a:lnTo>
                    <a:pt x="5835" y="3891"/>
                  </a:lnTo>
                  <a:cubicBezTo>
                    <a:pt x="5392" y="4055"/>
                    <a:pt x="4947" y="4211"/>
                    <a:pt x="4501" y="4361"/>
                  </a:cubicBezTo>
                  <a:cubicBezTo>
                    <a:pt x="4248" y="4447"/>
                    <a:pt x="3944" y="4508"/>
                    <a:pt x="3649" y="4508"/>
                  </a:cubicBezTo>
                  <a:cubicBezTo>
                    <a:pt x="3378" y="4508"/>
                    <a:pt x="3110" y="4458"/>
                    <a:pt x="2886" y="4336"/>
                  </a:cubicBezTo>
                  <a:cubicBezTo>
                    <a:pt x="2532" y="4144"/>
                    <a:pt x="2443" y="3773"/>
                    <a:pt x="2896" y="3619"/>
                  </a:cubicBezTo>
                  <a:cubicBezTo>
                    <a:pt x="4173" y="3191"/>
                    <a:pt x="5428" y="2707"/>
                    <a:pt x="6666" y="2164"/>
                  </a:cubicBezTo>
                  <a:cubicBezTo>
                    <a:pt x="6887" y="2069"/>
                    <a:pt x="7175" y="2015"/>
                    <a:pt x="7464" y="2015"/>
                  </a:cubicBezTo>
                  <a:cubicBezTo>
                    <a:pt x="7593" y="2015"/>
                    <a:pt x="7721" y="2026"/>
                    <a:pt x="7846" y="2047"/>
                  </a:cubicBezTo>
                  <a:cubicBezTo>
                    <a:pt x="8074" y="1901"/>
                    <a:pt x="8330" y="1794"/>
                    <a:pt x="8562" y="1794"/>
                  </a:cubicBezTo>
                  <a:cubicBezTo>
                    <a:pt x="8598" y="1794"/>
                    <a:pt x="8634" y="1797"/>
                    <a:pt x="8669" y="1805"/>
                  </a:cubicBezTo>
                  <a:cubicBezTo>
                    <a:pt x="9054" y="1865"/>
                    <a:pt x="9375" y="2079"/>
                    <a:pt x="9041" y="2490"/>
                  </a:cubicBezTo>
                  <a:cubicBezTo>
                    <a:pt x="8491" y="3153"/>
                    <a:pt x="8074" y="3841"/>
                    <a:pt x="7774" y="4600"/>
                  </a:cubicBezTo>
                  <a:cubicBezTo>
                    <a:pt x="9536" y="3398"/>
                    <a:pt x="11351" y="2283"/>
                    <a:pt x="13223" y="1256"/>
                  </a:cubicBezTo>
                  <a:cubicBezTo>
                    <a:pt x="13379" y="1170"/>
                    <a:pt x="13729" y="1091"/>
                    <a:pt x="14032" y="1091"/>
                  </a:cubicBezTo>
                  <a:cubicBezTo>
                    <a:pt x="14449" y="1091"/>
                    <a:pt x="14778" y="1238"/>
                    <a:pt x="14378" y="1701"/>
                  </a:cubicBezTo>
                  <a:cubicBezTo>
                    <a:pt x="13740" y="2447"/>
                    <a:pt x="13305" y="3220"/>
                    <a:pt x="13055" y="4116"/>
                  </a:cubicBezTo>
                  <a:cubicBezTo>
                    <a:pt x="14791" y="3156"/>
                    <a:pt x="16575" y="2111"/>
                    <a:pt x="18386" y="1494"/>
                  </a:cubicBezTo>
                  <a:cubicBezTo>
                    <a:pt x="18660" y="1402"/>
                    <a:pt x="18896" y="1359"/>
                    <a:pt x="19099" y="1359"/>
                  </a:cubicBezTo>
                  <a:cubicBezTo>
                    <a:pt x="20144" y="1359"/>
                    <a:pt x="20262" y="2514"/>
                    <a:pt x="20204" y="3630"/>
                  </a:cubicBezTo>
                  <a:cubicBezTo>
                    <a:pt x="21502" y="2892"/>
                    <a:pt x="22840" y="2229"/>
                    <a:pt x="24213" y="1634"/>
                  </a:cubicBezTo>
                  <a:cubicBezTo>
                    <a:pt x="24216" y="1630"/>
                    <a:pt x="24216" y="1623"/>
                    <a:pt x="24216" y="1619"/>
                  </a:cubicBezTo>
                  <a:cubicBezTo>
                    <a:pt x="24244" y="1109"/>
                    <a:pt x="24766" y="867"/>
                    <a:pt x="25304" y="867"/>
                  </a:cubicBezTo>
                  <a:cubicBezTo>
                    <a:pt x="25906" y="867"/>
                    <a:pt x="26530" y="1173"/>
                    <a:pt x="26499" y="1744"/>
                  </a:cubicBezTo>
                  <a:cubicBezTo>
                    <a:pt x="26477" y="2126"/>
                    <a:pt x="26438" y="2496"/>
                    <a:pt x="26384" y="2867"/>
                  </a:cubicBezTo>
                  <a:cubicBezTo>
                    <a:pt x="26591" y="2793"/>
                    <a:pt x="26798" y="2721"/>
                    <a:pt x="27004" y="2653"/>
                  </a:cubicBezTo>
                  <a:cubicBezTo>
                    <a:pt x="27236" y="2250"/>
                    <a:pt x="27483" y="1855"/>
                    <a:pt x="27743" y="1466"/>
                  </a:cubicBezTo>
                  <a:cubicBezTo>
                    <a:pt x="28220" y="746"/>
                    <a:pt x="27386" y="168"/>
                    <a:pt x="26695" y="168"/>
                  </a:cubicBezTo>
                  <a:cubicBezTo>
                    <a:pt x="26573" y="168"/>
                    <a:pt x="26459" y="186"/>
                    <a:pt x="26352" y="225"/>
                  </a:cubicBezTo>
                  <a:cubicBezTo>
                    <a:pt x="24637" y="842"/>
                    <a:pt x="23000" y="1591"/>
                    <a:pt x="21431" y="2468"/>
                  </a:cubicBezTo>
                  <a:cubicBezTo>
                    <a:pt x="21624" y="2079"/>
                    <a:pt x="21817" y="1690"/>
                    <a:pt x="22009" y="1305"/>
                  </a:cubicBezTo>
                  <a:cubicBezTo>
                    <a:pt x="22373" y="574"/>
                    <a:pt x="21702" y="0"/>
                    <a:pt x="21010" y="0"/>
                  </a:cubicBezTo>
                  <a:close/>
                  <a:moveTo>
                    <a:pt x="30485" y="3384"/>
                  </a:moveTo>
                  <a:cubicBezTo>
                    <a:pt x="28780" y="3837"/>
                    <a:pt x="27111" y="4407"/>
                    <a:pt x="25467" y="5085"/>
                  </a:cubicBezTo>
                  <a:cubicBezTo>
                    <a:pt x="25325" y="5146"/>
                    <a:pt x="25161" y="5174"/>
                    <a:pt x="24993" y="5174"/>
                  </a:cubicBezTo>
                  <a:cubicBezTo>
                    <a:pt x="24394" y="5174"/>
                    <a:pt x="23749" y="4817"/>
                    <a:pt x="23820" y="4208"/>
                  </a:cubicBezTo>
                  <a:lnTo>
                    <a:pt x="23820" y="4208"/>
                  </a:lnTo>
                  <a:cubicBezTo>
                    <a:pt x="23721" y="4437"/>
                    <a:pt x="23627" y="4668"/>
                    <a:pt x="23538" y="4903"/>
                  </a:cubicBezTo>
                  <a:cubicBezTo>
                    <a:pt x="23257" y="5627"/>
                    <a:pt x="24013" y="5920"/>
                    <a:pt x="24665" y="5920"/>
                  </a:cubicBezTo>
                  <a:cubicBezTo>
                    <a:pt x="24908" y="5920"/>
                    <a:pt x="25136" y="5880"/>
                    <a:pt x="25289" y="5806"/>
                  </a:cubicBezTo>
                  <a:cubicBezTo>
                    <a:pt x="26919" y="5021"/>
                    <a:pt x="28566" y="4276"/>
                    <a:pt x="30231" y="3570"/>
                  </a:cubicBezTo>
                  <a:lnTo>
                    <a:pt x="30231" y="3570"/>
                  </a:lnTo>
                  <a:cubicBezTo>
                    <a:pt x="30131" y="3805"/>
                    <a:pt x="30032" y="4040"/>
                    <a:pt x="29932" y="4276"/>
                  </a:cubicBezTo>
                  <a:cubicBezTo>
                    <a:pt x="29632" y="4985"/>
                    <a:pt x="30292" y="5260"/>
                    <a:pt x="30952" y="5260"/>
                  </a:cubicBezTo>
                  <a:cubicBezTo>
                    <a:pt x="31323" y="5260"/>
                    <a:pt x="31697" y="5171"/>
                    <a:pt x="31893" y="5024"/>
                  </a:cubicBezTo>
                  <a:lnTo>
                    <a:pt x="31893" y="5024"/>
                  </a:lnTo>
                  <a:cubicBezTo>
                    <a:pt x="31869" y="5036"/>
                    <a:pt x="31843" y="5042"/>
                    <a:pt x="31818" y="5049"/>
                  </a:cubicBezTo>
                  <a:cubicBezTo>
                    <a:pt x="31701" y="5082"/>
                    <a:pt x="31558" y="5100"/>
                    <a:pt x="31401" y="5100"/>
                  </a:cubicBezTo>
                  <a:cubicBezTo>
                    <a:pt x="30745" y="5100"/>
                    <a:pt x="29904" y="4786"/>
                    <a:pt x="30192" y="4044"/>
                  </a:cubicBezTo>
                  <a:cubicBezTo>
                    <a:pt x="30281" y="3816"/>
                    <a:pt x="30378" y="3594"/>
                    <a:pt x="30485" y="3384"/>
                  </a:cubicBezTo>
                  <a:close/>
                  <a:moveTo>
                    <a:pt x="24084" y="2903"/>
                  </a:moveTo>
                  <a:lnTo>
                    <a:pt x="24084" y="2903"/>
                  </a:lnTo>
                  <a:cubicBezTo>
                    <a:pt x="22447" y="3627"/>
                    <a:pt x="20875" y="4468"/>
                    <a:pt x="19353" y="5421"/>
                  </a:cubicBezTo>
                  <a:cubicBezTo>
                    <a:pt x="19242" y="5492"/>
                    <a:pt x="18785" y="5663"/>
                    <a:pt x="18443" y="5663"/>
                  </a:cubicBezTo>
                  <a:cubicBezTo>
                    <a:pt x="18208" y="5663"/>
                    <a:pt x="18026" y="5581"/>
                    <a:pt x="18051" y="5331"/>
                  </a:cubicBezTo>
                  <a:cubicBezTo>
                    <a:pt x="18065" y="5167"/>
                    <a:pt x="18122" y="4697"/>
                    <a:pt x="18150" y="4205"/>
                  </a:cubicBezTo>
                  <a:lnTo>
                    <a:pt x="18150" y="4205"/>
                  </a:lnTo>
                  <a:cubicBezTo>
                    <a:pt x="18037" y="4432"/>
                    <a:pt x="17926" y="4661"/>
                    <a:pt x="17812" y="4889"/>
                  </a:cubicBezTo>
                  <a:cubicBezTo>
                    <a:pt x="17398" y="5720"/>
                    <a:pt x="18073" y="6119"/>
                    <a:pt x="18779" y="6119"/>
                  </a:cubicBezTo>
                  <a:cubicBezTo>
                    <a:pt x="19110" y="6119"/>
                    <a:pt x="19445" y="6033"/>
                    <a:pt x="19684" y="5859"/>
                  </a:cubicBezTo>
                  <a:cubicBezTo>
                    <a:pt x="21057" y="4853"/>
                    <a:pt x="22511" y="3976"/>
                    <a:pt x="24030" y="3231"/>
                  </a:cubicBezTo>
                  <a:cubicBezTo>
                    <a:pt x="24048" y="3120"/>
                    <a:pt x="24066" y="3010"/>
                    <a:pt x="24084" y="2903"/>
                  </a:cubicBezTo>
                  <a:close/>
                  <a:moveTo>
                    <a:pt x="17987" y="2828"/>
                  </a:moveTo>
                  <a:cubicBezTo>
                    <a:pt x="17915" y="2828"/>
                    <a:pt x="16671" y="3559"/>
                    <a:pt x="16503" y="3645"/>
                  </a:cubicBezTo>
                  <a:cubicBezTo>
                    <a:pt x="15031" y="4389"/>
                    <a:pt x="13562" y="5131"/>
                    <a:pt x="12089" y="5877"/>
                  </a:cubicBezTo>
                  <a:cubicBezTo>
                    <a:pt x="11993" y="5926"/>
                    <a:pt x="11504" y="6112"/>
                    <a:pt x="11151" y="6112"/>
                  </a:cubicBezTo>
                  <a:cubicBezTo>
                    <a:pt x="10923" y="6112"/>
                    <a:pt x="10756" y="6033"/>
                    <a:pt x="10791" y="5784"/>
                  </a:cubicBezTo>
                  <a:cubicBezTo>
                    <a:pt x="10902" y="4988"/>
                    <a:pt x="11116" y="4251"/>
                    <a:pt x="11433" y="3563"/>
                  </a:cubicBezTo>
                  <a:lnTo>
                    <a:pt x="11433" y="3563"/>
                  </a:lnTo>
                  <a:cubicBezTo>
                    <a:pt x="9867" y="4514"/>
                    <a:pt x="8348" y="5534"/>
                    <a:pt x="6869" y="6622"/>
                  </a:cubicBezTo>
                  <a:cubicBezTo>
                    <a:pt x="6762" y="6700"/>
                    <a:pt x="6052" y="7021"/>
                    <a:pt x="5624" y="7021"/>
                  </a:cubicBezTo>
                  <a:cubicBezTo>
                    <a:pt x="5521" y="7021"/>
                    <a:pt x="5435" y="7004"/>
                    <a:pt x="5378" y="6957"/>
                  </a:cubicBezTo>
                  <a:lnTo>
                    <a:pt x="5378" y="6957"/>
                  </a:lnTo>
                  <a:cubicBezTo>
                    <a:pt x="5321" y="7570"/>
                    <a:pt x="5917" y="7902"/>
                    <a:pt x="6505" y="7902"/>
                  </a:cubicBezTo>
                  <a:cubicBezTo>
                    <a:pt x="6833" y="7902"/>
                    <a:pt x="7161" y="7795"/>
                    <a:pt x="7368" y="7577"/>
                  </a:cubicBezTo>
                  <a:cubicBezTo>
                    <a:pt x="8527" y="6365"/>
                    <a:pt x="9768" y="5274"/>
                    <a:pt x="11101" y="4300"/>
                  </a:cubicBezTo>
                  <a:lnTo>
                    <a:pt x="11101" y="4300"/>
                  </a:lnTo>
                  <a:cubicBezTo>
                    <a:pt x="10795" y="4886"/>
                    <a:pt x="10513" y="5481"/>
                    <a:pt x="10249" y="6098"/>
                  </a:cubicBezTo>
                  <a:cubicBezTo>
                    <a:pt x="9946" y="6804"/>
                    <a:pt x="10616" y="7085"/>
                    <a:pt x="11276" y="7085"/>
                  </a:cubicBezTo>
                  <a:cubicBezTo>
                    <a:pt x="11654" y="7085"/>
                    <a:pt x="12028" y="6996"/>
                    <a:pt x="12221" y="6840"/>
                  </a:cubicBezTo>
                  <a:cubicBezTo>
                    <a:pt x="14050" y="5374"/>
                    <a:pt x="16029" y="4126"/>
                    <a:pt x="18126" y="3113"/>
                  </a:cubicBezTo>
                  <a:cubicBezTo>
                    <a:pt x="18097" y="2971"/>
                    <a:pt x="18055" y="2867"/>
                    <a:pt x="17987" y="2828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0" name="Google Shape;2301;p54"/>
            <p:cNvSpPr/>
            <p:nvPr/>
          </p:nvSpPr>
          <p:spPr>
            <a:xfrm>
              <a:off x="1980627" y="3951650"/>
              <a:ext cx="18078" cy="8744"/>
            </a:xfrm>
            <a:custGeom>
              <a:avLst/>
              <a:gdLst/>
              <a:ahLst/>
              <a:cxnLst/>
              <a:rect l="l" t="t" r="r" b="b"/>
              <a:pathLst>
                <a:path w="643" h="311" extrusionOk="0">
                  <a:moveTo>
                    <a:pt x="643" y="1"/>
                  </a:moveTo>
                  <a:lnTo>
                    <a:pt x="643" y="1"/>
                  </a:lnTo>
                  <a:cubicBezTo>
                    <a:pt x="429" y="103"/>
                    <a:pt x="215" y="207"/>
                    <a:pt x="1" y="311"/>
                  </a:cubicBezTo>
                  <a:cubicBezTo>
                    <a:pt x="204" y="236"/>
                    <a:pt x="404" y="157"/>
                    <a:pt x="607" y="79"/>
                  </a:cubicBezTo>
                  <a:cubicBezTo>
                    <a:pt x="618" y="54"/>
                    <a:pt x="632" y="26"/>
                    <a:pt x="643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1" name="Google Shape;2302;p54"/>
            <p:cNvSpPr/>
            <p:nvPr/>
          </p:nvSpPr>
          <p:spPr>
            <a:xfrm>
              <a:off x="1885292" y="3907623"/>
              <a:ext cx="151905" cy="70119"/>
            </a:xfrm>
            <a:custGeom>
              <a:avLst/>
              <a:gdLst/>
              <a:ahLst/>
              <a:cxnLst/>
              <a:rect l="l" t="t" r="r" b="b"/>
              <a:pathLst>
                <a:path w="5403" h="2494" extrusionOk="0">
                  <a:moveTo>
                    <a:pt x="5021" y="1"/>
                  </a:moveTo>
                  <a:cubicBezTo>
                    <a:pt x="4732" y="1"/>
                    <a:pt x="4444" y="55"/>
                    <a:pt x="4223" y="150"/>
                  </a:cubicBezTo>
                  <a:cubicBezTo>
                    <a:pt x="2985" y="693"/>
                    <a:pt x="1730" y="1177"/>
                    <a:pt x="453" y="1605"/>
                  </a:cubicBezTo>
                  <a:cubicBezTo>
                    <a:pt x="0" y="1759"/>
                    <a:pt x="89" y="2130"/>
                    <a:pt x="443" y="2322"/>
                  </a:cubicBezTo>
                  <a:cubicBezTo>
                    <a:pt x="667" y="2444"/>
                    <a:pt x="935" y="2494"/>
                    <a:pt x="1206" y="2494"/>
                  </a:cubicBezTo>
                  <a:cubicBezTo>
                    <a:pt x="1501" y="2494"/>
                    <a:pt x="1805" y="2433"/>
                    <a:pt x="2058" y="2347"/>
                  </a:cubicBezTo>
                  <a:cubicBezTo>
                    <a:pt x="2504" y="2197"/>
                    <a:pt x="2949" y="2041"/>
                    <a:pt x="3392" y="1877"/>
                  </a:cubicBezTo>
                  <a:cubicBezTo>
                    <a:pt x="3606" y="1773"/>
                    <a:pt x="3820" y="1669"/>
                    <a:pt x="4034" y="1567"/>
                  </a:cubicBezTo>
                  <a:lnTo>
                    <a:pt x="4034" y="1567"/>
                  </a:lnTo>
                  <a:cubicBezTo>
                    <a:pt x="4023" y="1592"/>
                    <a:pt x="4009" y="1620"/>
                    <a:pt x="3998" y="1645"/>
                  </a:cubicBezTo>
                  <a:cubicBezTo>
                    <a:pt x="4012" y="1641"/>
                    <a:pt x="4023" y="1638"/>
                    <a:pt x="4037" y="1631"/>
                  </a:cubicBezTo>
                  <a:cubicBezTo>
                    <a:pt x="4261" y="1260"/>
                    <a:pt x="4518" y="903"/>
                    <a:pt x="4804" y="553"/>
                  </a:cubicBezTo>
                  <a:cubicBezTo>
                    <a:pt x="4939" y="390"/>
                    <a:pt x="5156" y="190"/>
                    <a:pt x="5403" y="33"/>
                  </a:cubicBezTo>
                  <a:cubicBezTo>
                    <a:pt x="5278" y="12"/>
                    <a:pt x="5150" y="1"/>
                    <a:pt x="5021" y="1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2" name="Google Shape;2303;p54"/>
            <p:cNvSpPr/>
            <p:nvPr/>
          </p:nvSpPr>
          <p:spPr>
            <a:xfrm>
              <a:off x="1965080" y="3928906"/>
              <a:ext cx="381802" cy="117689"/>
            </a:xfrm>
            <a:custGeom>
              <a:avLst/>
              <a:gdLst/>
              <a:ahLst/>
              <a:cxnLst/>
              <a:rect l="l" t="t" r="r" b="b"/>
              <a:pathLst>
                <a:path w="13580" h="4186" extrusionOk="0">
                  <a:moveTo>
                    <a:pt x="13580" y="0"/>
                  </a:moveTo>
                  <a:lnTo>
                    <a:pt x="13580" y="0"/>
                  </a:lnTo>
                  <a:cubicBezTo>
                    <a:pt x="13333" y="111"/>
                    <a:pt x="13091" y="224"/>
                    <a:pt x="12845" y="342"/>
                  </a:cubicBezTo>
                  <a:cubicBezTo>
                    <a:pt x="12898" y="613"/>
                    <a:pt x="12895" y="1031"/>
                    <a:pt x="12869" y="1434"/>
                  </a:cubicBezTo>
                  <a:cubicBezTo>
                    <a:pt x="13109" y="955"/>
                    <a:pt x="13344" y="478"/>
                    <a:pt x="13580" y="0"/>
                  </a:cubicBezTo>
                  <a:close/>
                  <a:moveTo>
                    <a:pt x="1078" y="1080"/>
                  </a:moveTo>
                  <a:lnTo>
                    <a:pt x="1078" y="1080"/>
                  </a:lnTo>
                  <a:cubicBezTo>
                    <a:pt x="579" y="1954"/>
                    <a:pt x="236" y="2892"/>
                    <a:pt x="29" y="3922"/>
                  </a:cubicBezTo>
                  <a:cubicBezTo>
                    <a:pt x="1" y="4051"/>
                    <a:pt x="29" y="4136"/>
                    <a:pt x="97" y="4186"/>
                  </a:cubicBezTo>
                  <a:cubicBezTo>
                    <a:pt x="101" y="4147"/>
                    <a:pt x="108" y="4108"/>
                    <a:pt x="115" y="4065"/>
                  </a:cubicBezTo>
                  <a:cubicBezTo>
                    <a:pt x="347" y="3030"/>
                    <a:pt x="668" y="2036"/>
                    <a:pt x="1078" y="108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3" name="Google Shape;2304;p54"/>
            <p:cNvSpPr/>
            <p:nvPr/>
          </p:nvSpPr>
          <p:spPr>
            <a:xfrm>
              <a:off x="1967779" y="3881674"/>
              <a:ext cx="529574" cy="166722"/>
            </a:xfrm>
            <a:custGeom>
              <a:avLst/>
              <a:gdLst/>
              <a:ahLst/>
              <a:cxnLst/>
              <a:rect l="l" t="t" r="r" b="b"/>
              <a:pathLst>
                <a:path w="18836" h="5930" extrusionOk="0">
                  <a:moveTo>
                    <a:pt x="8655" y="0"/>
                  </a:moveTo>
                  <a:cubicBezTo>
                    <a:pt x="8352" y="0"/>
                    <a:pt x="8002" y="79"/>
                    <a:pt x="7846" y="165"/>
                  </a:cubicBezTo>
                  <a:cubicBezTo>
                    <a:pt x="5974" y="1192"/>
                    <a:pt x="4159" y="2307"/>
                    <a:pt x="2397" y="3509"/>
                  </a:cubicBezTo>
                  <a:cubicBezTo>
                    <a:pt x="2697" y="2750"/>
                    <a:pt x="3114" y="2062"/>
                    <a:pt x="3664" y="1399"/>
                  </a:cubicBezTo>
                  <a:cubicBezTo>
                    <a:pt x="3998" y="988"/>
                    <a:pt x="3677" y="774"/>
                    <a:pt x="3292" y="714"/>
                  </a:cubicBezTo>
                  <a:cubicBezTo>
                    <a:pt x="3257" y="706"/>
                    <a:pt x="3221" y="703"/>
                    <a:pt x="3185" y="703"/>
                  </a:cubicBezTo>
                  <a:cubicBezTo>
                    <a:pt x="2953" y="703"/>
                    <a:pt x="2697" y="810"/>
                    <a:pt x="2469" y="956"/>
                  </a:cubicBezTo>
                  <a:cubicBezTo>
                    <a:pt x="2629" y="984"/>
                    <a:pt x="2779" y="1031"/>
                    <a:pt x="2904" y="1103"/>
                  </a:cubicBezTo>
                  <a:cubicBezTo>
                    <a:pt x="3285" y="1305"/>
                    <a:pt x="3317" y="1630"/>
                    <a:pt x="2893" y="1815"/>
                  </a:cubicBezTo>
                  <a:cubicBezTo>
                    <a:pt x="2301" y="2076"/>
                    <a:pt x="1706" y="2322"/>
                    <a:pt x="1103" y="2554"/>
                  </a:cubicBezTo>
                  <a:cubicBezTo>
                    <a:pt x="1060" y="2622"/>
                    <a:pt x="1021" y="2693"/>
                    <a:pt x="982" y="2760"/>
                  </a:cubicBezTo>
                  <a:cubicBezTo>
                    <a:pt x="572" y="3716"/>
                    <a:pt x="251" y="4710"/>
                    <a:pt x="19" y="5745"/>
                  </a:cubicBezTo>
                  <a:cubicBezTo>
                    <a:pt x="12" y="5788"/>
                    <a:pt x="5" y="5827"/>
                    <a:pt x="1" y="5866"/>
                  </a:cubicBezTo>
                  <a:cubicBezTo>
                    <a:pt x="58" y="5913"/>
                    <a:pt x="144" y="5930"/>
                    <a:pt x="247" y="5930"/>
                  </a:cubicBezTo>
                  <a:cubicBezTo>
                    <a:pt x="675" y="5930"/>
                    <a:pt x="1385" y="5609"/>
                    <a:pt x="1492" y="5531"/>
                  </a:cubicBezTo>
                  <a:cubicBezTo>
                    <a:pt x="2971" y="4443"/>
                    <a:pt x="4490" y="3423"/>
                    <a:pt x="6056" y="2472"/>
                  </a:cubicBezTo>
                  <a:lnTo>
                    <a:pt x="6056" y="2472"/>
                  </a:lnTo>
                  <a:cubicBezTo>
                    <a:pt x="5739" y="3160"/>
                    <a:pt x="5525" y="3897"/>
                    <a:pt x="5414" y="4693"/>
                  </a:cubicBezTo>
                  <a:cubicBezTo>
                    <a:pt x="5379" y="4942"/>
                    <a:pt x="5546" y="5021"/>
                    <a:pt x="5774" y="5021"/>
                  </a:cubicBezTo>
                  <a:cubicBezTo>
                    <a:pt x="6127" y="5021"/>
                    <a:pt x="6616" y="4835"/>
                    <a:pt x="6712" y="4786"/>
                  </a:cubicBezTo>
                  <a:cubicBezTo>
                    <a:pt x="8185" y="4040"/>
                    <a:pt x="9654" y="3298"/>
                    <a:pt x="11126" y="2554"/>
                  </a:cubicBezTo>
                  <a:cubicBezTo>
                    <a:pt x="11294" y="2468"/>
                    <a:pt x="12538" y="1737"/>
                    <a:pt x="12610" y="1737"/>
                  </a:cubicBezTo>
                  <a:cubicBezTo>
                    <a:pt x="12678" y="1776"/>
                    <a:pt x="12720" y="1880"/>
                    <a:pt x="12749" y="2022"/>
                  </a:cubicBezTo>
                  <a:cubicBezTo>
                    <a:pt x="12995" y="1904"/>
                    <a:pt x="13237" y="1791"/>
                    <a:pt x="13484" y="1680"/>
                  </a:cubicBezTo>
                  <a:lnTo>
                    <a:pt x="13484" y="1680"/>
                  </a:lnTo>
                  <a:cubicBezTo>
                    <a:pt x="13248" y="2158"/>
                    <a:pt x="13013" y="2635"/>
                    <a:pt x="12773" y="3114"/>
                  </a:cubicBezTo>
                  <a:cubicBezTo>
                    <a:pt x="12745" y="3606"/>
                    <a:pt x="12688" y="4076"/>
                    <a:pt x="12674" y="4240"/>
                  </a:cubicBezTo>
                  <a:cubicBezTo>
                    <a:pt x="12649" y="4490"/>
                    <a:pt x="12831" y="4572"/>
                    <a:pt x="13066" y="4572"/>
                  </a:cubicBezTo>
                  <a:cubicBezTo>
                    <a:pt x="13408" y="4572"/>
                    <a:pt x="13865" y="4401"/>
                    <a:pt x="13976" y="4330"/>
                  </a:cubicBezTo>
                  <a:cubicBezTo>
                    <a:pt x="15498" y="3377"/>
                    <a:pt x="17070" y="2536"/>
                    <a:pt x="18707" y="1812"/>
                  </a:cubicBezTo>
                  <a:cubicBezTo>
                    <a:pt x="18772" y="1391"/>
                    <a:pt x="18811" y="974"/>
                    <a:pt x="18836" y="543"/>
                  </a:cubicBezTo>
                  <a:lnTo>
                    <a:pt x="18836" y="543"/>
                  </a:lnTo>
                  <a:cubicBezTo>
                    <a:pt x="17463" y="1138"/>
                    <a:pt x="16125" y="1801"/>
                    <a:pt x="14827" y="2539"/>
                  </a:cubicBezTo>
                  <a:cubicBezTo>
                    <a:pt x="14885" y="1423"/>
                    <a:pt x="14767" y="268"/>
                    <a:pt x="13722" y="268"/>
                  </a:cubicBezTo>
                  <a:cubicBezTo>
                    <a:pt x="13519" y="268"/>
                    <a:pt x="13283" y="311"/>
                    <a:pt x="13009" y="403"/>
                  </a:cubicBezTo>
                  <a:cubicBezTo>
                    <a:pt x="11198" y="1020"/>
                    <a:pt x="9414" y="2065"/>
                    <a:pt x="7678" y="3025"/>
                  </a:cubicBezTo>
                  <a:cubicBezTo>
                    <a:pt x="7928" y="2129"/>
                    <a:pt x="8363" y="1356"/>
                    <a:pt x="9001" y="610"/>
                  </a:cubicBezTo>
                  <a:cubicBezTo>
                    <a:pt x="9401" y="147"/>
                    <a:pt x="9072" y="0"/>
                    <a:pt x="8655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4" name="Google Shape;2305;p54"/>
            <p:cNvSpPr/>
            <p:nvPr/>
          </p:nvSpPr>
          <p:spPr>
            <a:xfrm>
              <a:off x="1998789" y="3908551"/>
              <a:ext cx="62247" cy="44928"/>
            </a:xfrm>
            <a:custGeom>
              <a:avLst/>
              <a:gdLst/>
              <a:ahLst/>
              <a:cxnLst/>
              <a:rect l="l" t="t" r="r" b="b"/>
              <a:pathLst>
                <a:path w="2214" h="1598" extrusionOk="0">
                  <a:moveTo>
                    <a:pt x="1366" y="0"/>
                  </a:moveTo>
                  <a:cubicBezTo>
                    <a:pt x="1119" y="157"/>
                    <a:pt x="902" y="357"/>
                    <a:pt x="767" y="520"/>
                  </a:cubicBezTo>
                  <a:cubicBezTo>
                    <a:pt x="481" y="870"/>
                    <a:pt x="224" y="1227"/>
                    <a:pt x="0" y="1598"/>
                  </a:cubicBezTo>
                  <a:cubicBezTo>
                    <a:pt x="603" y="1366"/>
                    <a:pt x="1198" y="1120"/>
                    <a:pt x="1790" y="859"/>
                  </a:cubicBezTo>
                  <a:cubicBezTo>
                    <a:pt x="2214" y="674"/>
                    <a:pt x="2182" y="349"/>
                    <a:pt x="1801" y="147"/>
                  </a:cubicBezTo>
                  <a:cubicBezTo>
                    <a:pt x="1676" y="75"/>
                    <a:pt x="1526" y="28"/>
                    <a:pt x="136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5" name="Google Shape;2306;p54"/>
            <p:cNvSpPr/>
            <p:nvPr/>
          </p:nvSpPr>
          <p:spPr>
            <a:xfrm>
              <a:off x="2486262" y="3887494"/>
              <a:ext cx="316153" cy="104785"/>
            </a:xfrm>
            <a:custGeom>
              <a:avLst/>
              <a:gdLst/>
              <a:ahLst/>
              <a:cxnLst/>
              <a:rect l="l" t="t" r="r" b="b"/>
              <a:pathLst>
                <a:path w="11245" h="3727" extrusionOk="0">
                  <a:moveTo>
                    <a:pt x="9404" y="0"/>
                  </a:moveTo>
                  <a:cubicBezTo>
                    <a:pt x="9536" y="172"/>
                    <a:pt x="9586" y="382"/>
                    <a:pt x="9483" y="624"/>
                  </a:cubicBezTo>
                  <a:cubicBezTo>
                    <a:pt x="9436" y="738"/>
                    <a:pt x="9386" y="853"/>
                    <a:pt x="9340" y="963"/>
                  </a:cubicBezTo>
                  <a:cubicBezTo>
                    <a:pt x="9604" y="878"/>
                    <a:pt x="9875" y="802"/>
                    <a:pt x="10150" y="738"/>
                  </a:cubicBezTo>
                  <a:cubicBezTo>
                    <a:pt x="10150" y="417"/>
                    <a:pt x="9793" y="143"/>
                    <a:pt x="9404" y="0"/>
                  </a:cubicBezTo>
                  <a:close/>
                  <a:moveTo>
                    <a:pt x="5364" y="688"/>
                  </a:moveTo>
                  <a:lnTo>
                    <a:pt x="5364" y="688"/>
                  </a:lnTo>
                  <a:cubicBezTo>
                    <a:pt x="4633" y="892"/>
                    <a:pt x="3906" y="1113"/>
                    <a:pt x="3185" y="1355"/>
                  </a:cubicBezTo>
                  <a:cubicBezTo>
                    <a:pt x="3111" y="1480"/>
                    <a:pt x="3043" y="1608"/>
                    <a:pt x="2971" y="1733"/>
                  </a:cubicBezTo>
                  <a:cubicBezTo>
                    <a:pt x="3766" y="1376"/>
                    <a:pt x="4562" y="1031"/>
                    <a:pt x="5364" y="688"/>
                  </a:cubicBezTo>
                  <a:close/>
                  <a:moveTo>
                    <a:pt x="511" y="1786"/>
                  </a:moveTo>
                  <a:cubicBezTo>
                    <a:pt x="412" y="1837"/>
                    <a:pt x="312" y="1883"/>
                    <a:pt x="211" y="1933"/>
                  </a:cubicBezTo>
                  <a:cubicBezTo>
                    <a:pt x="162" y="2219"/>
                    <a:pt x="98" y="2500"/>
                    <a:pt x="22" y="2785"/>
                  </a:cubicBezTo>
                  <a:cubicBezTo>
                    <a:pt x="12" y="2828"/>
                    <a:pt x="5" y="2871"/>
                    <a:pt x="1" y="2910"/>
                  </a:cubicBezTo>
                  <a:cubicBezTo>
                    <a:pt x="162" y="2528"/>
                    <a:pt x="333" y="2158"/>
                    <a:pt x="511" y="1786"/>
                  </a:cubicBezTo>
                  <a:close/>
                  <a:moveTo>
                    <a:pt x="11233" y="2397"/>
                  </a:moveTo>
                  <a:lnTo>
                    <a:pt x="11233" y="2397"/>
                  </a:lnTo>
                  <a:cubicBezTo>
                    <a:pt x="10103" y="2543"/>
                    <a:pt x="9034" y="2984"/>
                    <a:pt x="8085" y="3720"/>
                  </a:cubicBezTo>
                  <a:cubicBezTo>
                    <a:pt x="8082" y="3722"/>
                    <a:pt x="8080" y="3724"/>
                    <a:pt x="8078" y="3725"/>
                  </a:cubicBezTo>
                  <a:lnTo>
                    <a:pt x="8078" y="3725"/>
                  </a:lnTo>
                  <a:cubicBezTo>
                    <a:pt x="8929" y="3476"/>
                    <a:pt x="9779" y="3227"/>
                    <a:pt x="10634" y="2978"/>
                  </a:cubicBezTo>
                  <a:cubicBezTo>
                    <a:pt x="11076" y="2846"/>
                    <a:pt x="11244" y="2628"/>
                    <a:pt x="11233" y="2397"/>
                  </a:cubicBezTo>
                  <a:close/>
                  <a:moveTo>
                    <a:pt x="8078" y="3725"/>
                  </a:moveTo>
                  <a:cubicBezTo>
                    <a:pt x="8077" y="3726"/>
                    <a:pt x="8076" y="3726"/>
                    <a:pt x="8074" y="3726"/>
                  </a:cubicBezTo>
                  <a:cubicBezTo>
                    <a:pt x="8076" y="3726"/>
                    <a:pt x="8077" y="3726"/>
                    <a:pt x="8078" y="3725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6" name="Google Shape;2307;p54"/>
            <p:cNvSpPr/>
            <p:nvPr/>
          </p:nvSpPr>
          <p:spPr>
            <a:xfrm>
              <a:off x="2484266" y="3875376"/>
              <a:ext cx="317840" cy="121119"/>
            </a:xfrm>
            <a:custGeom>
              <a:avLst/>
              <a:gdLst/>
              <a:ahLst/>
              <a:cxnLst/>
              <a:rect l="l" t="t" r="r" b="b"/>
              <a:pathLst>
                <a:path w="11305" h="4308" extrusionOk="0">
                  <a:moveTo>
                    <a:pt x="1556" y="0"/>
                  </a:moveTo>
                  <a:cubicBezTo>
                    <a:pt x="1018" y="0"/>
                    <a:pt x="496" y="242"/>
                    <a:pt x="468" y="752"/>
                  </a:cubicBezTo>
                  <a:cubicBezTo>
                    <a:pt x="468" y="756"/>
                    <a:pt x="468" y="763"/>
                    <a:pt x="465" y="767"/>
                  </a:cubicBezTo>
                  <a:cubicBezTo>
                    <a:pt x="707" y="660"/>
                    <a:pt x="953" y="560"/>
                    <a:pt x="1196" y="456"/>
                  </a:cubicBezTo>
                  <a:cubicBezTo>
                    <a:pt x="1438" y="356"/>
                    <a:pt x="1623" y="313"/>
                    <a:pt x="1762" y="313"/>
                  </a:cubicBezTo>
                  <a:cubicBezTo>
                    <a:pt x="2447" y="313"/>
                    <a:pt x="1969" y="1348"/>
                    <a:pt x="1163" y="1679"/>
                  </a:cubicBezTo>
                  <a:cubicBezTo>
                    <a:pt x="885" y="1794"/>
                    <a:pt x="611" y="1914"/>
                    <a:pt x="336" y="2036"/>
                  </a:cubicBezTo>
                  <a:cubicBezTo>
                    <a:pt x="318" y="2143"/>
                    <a:pt x="300" y="2253"/>
                    <a:pt x="282" y="2364"/>
                  </a:cubicBezTo>
                  <a:cubicBezTo>
                    <a:pt x="383" y="2314"/>
                    <a:pt x="483" y="2268"/>
                    <a:pt x="582" y="2217"/>
                  </a:cubicBezTo>
                  <a:lnTo>
                    <a:pt x="582" y="2217"/>
                  </a:lnTo>
                  <a:cubicBezTo>
                    <a:pt x="404" y="2589"/>
                    <a:pt x="233" y="2959"/>
                    <a:pt x="72" y="3341"/>
                  </a:cubicBezTo>
                  <a:cubicBezTo>
                    <a:pt x="1" y="3950"/>
                    <a:pt x="646" y="4307"/>
                    <a:pt x="1245" y="4307"/>
                  </a:cubicBezTo>
                  <a:cubicBezTo>
                    <a:pt x="1413" y="4307"/>
                    <a:pt x="1577" y="4279"/>
                    <a:pt x="1719" y="4218"/>
                  </a:cubicBezTo>
                  <a:cubicBezTo>
                    <a:pt x="3363" y="3540"/>
                    <a:pt x="5032" y="2970"/>
                    <a:pt x="6737" y="2517"/>
                  </a:cubicBezTo>
                  <a:lnTo>
                    <a:pt x="6737" y="2517"/>
                  </a:lnTo>
                  <a:cubicBezTo>
                    <a:pt x="6630" y="2727"/>
                    <a:pt x="6533" y="2949"/>
                    <a:pt x="6444" y="3177"/>
                  </a:cubicBezTo>
                  <a:cubicBezTo>
                    <a:pt x="6156" y="3919"/>
                    <a:pt x="6997" y="4233"/>
                    <a:pt x="7653" y="4233"/>
                  </a:cubicBezTo>
                  <a:cubicBezTo>
                    <a:pt x="7810" y="4233"/>
                    <a:pt x="7953" y="4215"/>
                    <a:pt x="8070" y="4182"/>
                  </a:cubicBezTo>
                  <a:cubicBezTo>
                    <a:pt x="8095" y="4175"/>
                    <a:pt x="8121" y="4169"/>
                    <a:pt x="8145" y="4157"/>
                  </a:cubicBezTo>
                  <a:cubicBezTo>
                    <a:pt x="8149" y="4157"/>
                    <a:pt x="8152" y="4154"/>
                    <a:pt x="8156" y="4151"/>
                  </a:cubicBezTo>
                  <a:cubicBezTo>
                    <a:pt x="9105" y="3415"/>
                    <a:pt x="10174" y="2974"/>
                    <a:pt x="11304" y="2828"/>
                  </a:cubicBezTo>
                  <a:cubicBezTo>
                    <a:pt x="11283" y="2389"/>
                    <a:pt x="10616" y="1908"/>
                    <a:pt x="9964" y="1908"/>
                  </a:cubicBezTo>
                  <a:cubicBezTo>
                    <a:pt x="9871" y="1908"/>
                    <a:pt x="9782" y="1914"/>
                    <a:pt x="9693" y="1936"/>
                  </a:cubicBezTo>
                  <a:cubicBezTo>
                    <a:pt x="9793" y="1822"/>
                    <a:pt x="9900" y="1708"/>
                    <a:pt x="10010" y="1597"/>
                  </a:cubicBezTo>
                  <a:cubicBezTo>
                    <a:pt x="10160" y="1451"/>
                    <a:pt x="10221" y="1305"/>
                    <a:pt x="10221" y="1169"/>
                  </a:cubicBezTo>
                  <a:lnTo>
                    <a:pt x="10221" y="1169"/>
                  </a:lnTo>
                  <a:cubicBezTo>
                    <a:pt x="9946" y="1233"/>
                    <a:pt x="9675" y="1309"/>
                    <a:pt x="9411" y="1394"/>
                  </a:cubicBezTo>
                  <a:cubicBezTo>
                    <a:pt x="9457" y="1284"/>
                    <a:pt x="9507" y="1169"/>
                    <a:pt x="9554" y="1055"/>
                  </a:cubicBezTo>
                  <a:cubicBezTo>
                    <a:pt x="9657" y="813"/>
                    <a:pt x="9607" y="603"/>
                    <a:pt x="9475" y="431"/>
                  </a:cubicBezTo>
                  <a:cubicBezTo>
                    <a:pt x="9293" y="367"/>
                    <a:pt x="9105" y="328"/>
                    <a:pt x="8940" y="328"/>
                  </a:cubicBezTo>
                  <a:cubicBezTo>
                    <a:pt x="8887" y="328"/>
                    <a:pt x="8833" y="331"/>
                    <a:pt x="8787" y="342"/>
                  </a:cubicBezTo>
                  <a:cubicBezTo>
                    <a:pt x="7657" y="556"/>
                    <a:pt x="6541" y="816"/>
                    <a:pt x="5435" y="1119"/>
                  </a:cubicBezTo>
                  <a:cubicBezTo>
                    <a:pt x="4633" y="1462"/>
                    <a:pt x="3837" y="1807"/>
                    <a:pt x="3042" y="2164"/>
                  </a:cubicBezTo>
                  <a:cubicBezTo>
                    <a:pt x="3114" y="2039"/>
                    <a:pt x="3182" y="1911"/>
                    <a:pt x="3256" y="1786"/>
                  </a:cubicBezTo>
                  <a:lnTo>
                    <a:pt x="3256" y="1786"/>
                  </a:lnTo>
                  <a:cubicBezTo>
                    <a:pt x="3050" y="1854"/>
                    <a:pt x="2843" y="1926"/>
                    <a:pt x="2636" y="2000"/>
                  </a:cubicBezTo>
                  <a:cubicBezTo>
                    <a:pt x="2690" y="1629"/>
                    <a:pt x="2729" y="1259"/>
                    <a:pt x="2751" y="877"/>
                  </a:cubicBezTo>
                  <a:cubicBezTo>
                    <a:pt x="2782" y="306"/>
                    <a:pt x="2158" y="0"/>
                    <a:pt x="155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  <p:sp>
          <p:nvSpPr>
            <p:cNvPr id="17" name="Google Shape;2308;p54"/>
            <p:cNvSpPr/>
            <p:nvPr/>
          </p:nvSpPr>
          <p:spPr>
            <a:xfrm>
              <a:off x="2493712" y="3884176"/>
              <a:ext cx="59351" cy="48442"/>
            </a:xfrm>
            <a:custGeom>
              <a:avLst/>
              <a:gdLst/>
              <a:ahLst/>
              <a:cxnLst/>
              <a:rect l="l" t="t" r="r" b="b"/>
              <a:pathLst>
                <a:path w="2111" h="1723" extrusionOk="0">
                  <a:moveTo>
                    <a:pt x="1426" y="0"/>
                  </a:moveTo>
                  <a:cubicBezTo>
                    <a:pt x="1287" y="0"/>
                    <a:pt x="1102" y="43"/>
                    <a:pt x="860" y="143"/>
                  </a:cubicBezTo>
                  <a:cubicBezTo>
                    <a:pt x="617" y="247"/>
                    <a:pt x="371" y="347"/>
                    <a:pt x="129" y="454"/>
                  </a:cubicBezTo>
                  <a:cubicBezTo>
                    <a:pt x="104" y="885"/>
                    <a:pt x="65" y="1302"/>
                    <a:pt x="0" y="1723"/>
                  </a:cubicBezTo>
                  <a:cubicBezTo>
                    <a:pt x="275" y="1601"/>
                    <a:pt x="549" y="1481"/>
                    <a:pt x="827" y="1366"/>
                  </a:cubicBezTo>
                  <a:cubicBezTo>
                    <a:pt x="1633" y="1035"/>
                    <a:pt x="2111" y="0"/>
                    <a:pt x="1426" y="0"/>
                  </a:cubicBezTo>
                  <a:close/>
                </a:path>
              </a:pathLst>
            </a:custGeom>
            <a:solidFill>
              <a:srgbClr val="FFE599"/>
            </a:solidFill>
            <a:ln w="9525" cap="flat" cmpd="sng">
              <a:solidFill>
                <a:srgbClr val="FFE599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Arial"/>
                <a:sym typeface="Arial"/>
              </a:endParaRPr>
            </a:p>
          </p:txBody>
        </p:sp>
      </p:grpSp>
      <p:sp>
        <p:nvSpPr>
          <p:cNvPr id="18" name="Google Shape;1050;p35"/>
          <p:cNvSpPr txBox="1">
            <a:spLocks/>
          </p:cNvSpPr>
          <p:nvPr/>
        </p:nvSpPr>
        <p:spPr>
          <a:xfrm>
            <a:off x="762000" y="3027022"/>
            <a:ext cx="4195067" cy="105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2984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1pPr>
            <a:lvl2pPr marL="914400" marR="0" lvl="1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2pPr>
            <a:lvl3pPr marL="1371600" marR="0" lvl="2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3pPr>
            <a:lvl4pPr marL="1828800" marR="0" lvl="3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4pPr>
            <a:lvl5pPr marL="2286000" marR="0" lvl="4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5pPr>
            <a:lvl6pPr marL="2743200" marR="0" lvl="5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6pPr>
            <a:lvl7pPr marL="3200400" marR="0" lvl="6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●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7pPr>
            <a:lvl8pPr marL="3657600" marR="0" lvl="7" indent="-298450" algn="l" rtl="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Comfortaa"/>
              <a:buChar char="○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8pPr>
            <a:lvl9pPr marL="4114800" marR="0" lvl="8" indent="-298450" algn="l" rtl="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rgbClr val="000000"/>
              </a:buClr>
              <a:buSzPts val="1100"/>
              <a:buFont typeface="Comfortaa"/>
              <a:buChar char="■"/>
              <a:defRPr sz="1100" b="0" i="0" u="none" strike="noStrike" cap="none">
                <a:solidFill>
                  <a:srgbClr val="000000"/>
                </a:solidFill>
                <a:latin typeface="Comfortaa"/>
                <a:ea typeface="Comfortaa"/>
                <a:cs typeface="Comfortaa"/>
                <a:sym typeface="Comfortaa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Comfortaa"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 panose="020F0502020204030204"/>
                <a:sym typeface="Comfortaa"/>
              </a:rPr>
              <a:t>Etkinlik yapıyoruz</a:t>
            </a:r>
          </a:p>
        </p:txBody>
      </p:sp>
      <p:sp>
        <p:nvSpPr>
          <p:cNvPr id="19" name="Google Shape;1051;p35"/>
          <p:cNvSpPr/>
          <p:nvPr/>
        </p:nvSpPr>
        <p:spPr>
          <a:xfrm>
            <a:off x="804681" y="4216977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sp>
        <p:nvSpPr>
          <p:cNvPr id="20" name="Google Shape;1052;p35"/>
          <p:cNvSpPr/>
          <p:nvPr/>
        </p:nvSpPr>
        <p:spPr>
          <a:xfrm>
            <a:off x="721554" y="2564572"/>
            <a:ext cx="4015502" cy="77283"/>
          </a:xfrm>
          <a:custGeom>
            <a:avLst/>
            <a:gdLst/>
            <a:ahLst/>
            <a:cxnLst/>
            <a:rect l="l" t="t" r="r" b="b"/>
            <a:pathLst>
              <a:path w="32178" h="1720" extrusionOk="0">
                <a:moveTo>
                  <a:pt x="28413" y="0"/>
                </a:moveTo>
                <a:cubicBezTo>
                  <a:pt x="28030" y="0"/>
                  <a:pt x="27646" y="6"/>
                  <a:pt x="27263" y="14"/>
                </a:cubicBezTo>
                <a:cubicBezTo>
                  <a:pt x="26012" y="42"/>
                  <a:pt x="24778" y="206"/>
                  <a:pt x="23518" y="206"/>
                </a:cubicBezTo>
                <a:cubicBezTo>
                  <a:pt x="23403" y="206"/>
                  <a:pt x="23287" y="204"/>
                  <a:pt x="23171" y="201"/>
                </a:cubicBezTo>
                <a:cubicBezTo>
                  <a:pt x="23041" y="198"/>
                  <a:pt x="22910" y="196"/>
                  <a:pt x="22779" y="196"/>
                </a:cubicBezTo>
                <a:cubicBezTo>
                  <a:pt x="21609" y="196"/>
                  <a:pt x="20433" y="321"/>
                  <a:pt x="19254" y="343"/>
                </a:cubicBezTo>
                <a:cubicBezTo>
                  <a:pt x="18326" y="360"/>
                  <a:pt x="17370" y="356"/>
                  <a:pt x="16433" y="410"/>
                </a:cubicBezTo>
                <a:cubicBezTo>
                  <a:pt x="16104" y="429"/>
                  <a:pt x="15771" y="436"/>
                  <a:pt x="15436" y="436"/>
                </a:cubicBezTo>
                <a:cubicBezTo>
                  <a:pt x="14672" y="436"/>
                  <a:pt x="13895" y="401"/>
                  <a:pt x="13130" y="401"/>
                </a:cubicBezTo>
                <a:cubicBezTo>
                  <a:pt x="13013" y="401"/>
                  <a:pt x="12895" y="402"/>
                  <a:pt x="12779" y="404"/>
                </a:cubicBezTo>
                <a:cubicBezTo>
                  <a:pt x="12595" y="407"/>
                  <a:pt x="12411" y="408"/>
                  <a:pt x="12227" y="408"/>
                </a:cubicBezTo>
                <a:cubicBezTo>
                  <a:pt x="10919" y="408"/>
                  <a:pt x="9618" y="341"/>
                  <a:pt x="8313" y="339"/>
                </a:cubicBezTo>
                <a:cubicBezTo>
                  <a:pt x="8292" y="339"/>
                  <a:pt x="8272" y="339"/>
                  <a:pt x="8252" y="339"/>
                </a:cubicBezTo>
                <a:cubicBezTo>
                  <a:pt x="7289" y="339"/>
                  <a:pt x="6324" y="390"/>
                  <a:pt x="5360" y="390"/>
                </a:cubicBezTo>
                <a:cubicBezTo>
                  <a:pt x="5258" y="390"/>
                  <a:pt x="5155" y="389"/>
                  <a:pt x="5053" y="388"/>
                </a:cubicBezTo>
                <a:cubicBezTo>
                  <a:pt x="4068" y="376"/>
                  <a:pt x="3082" y="298"/>
                  <a:pt x="2098" y="249"/>
                </a:cubicBezTo>
                <a:cubicBezTo>
                  <a:pt x="2072" y="248"/>
                  <a:pt x="2046" y="247"/>
                  <a:pt x="2021" y="247"/>
                </a:cubicBezTo>
                <a:cubicBezTo>
                  <a:pt x="1527" y="247"/>
                  <a:pt x="1072" y="419"/>
                  <a:pt x="594" y="460"/>
                </a:cubicBezTo>
                <a:cubicBezTo>
                  <a:pt x="272" y="488"/>
                  <a:pt x="175" y="669"/>
                  <a:pt x="97" y="868"/>
                </a:cubicBezTo>
                <a:cubicBezTo>
                  <a:pt x="1" y="1117"/>
                  <a:pt x="283" y="1093"/>
                  <a:pt x="437" y="1172"/>
                </a:cubicBezTo>
                <a:cubicBezTo>
                  <a:pt x="1021" y="1475"/>
                  <a:pt x="1664" y="1497"/>
                  <a:pt x="2308" y="1497"/>
                </a:cubicBezTo>
                <a:cubicBezTo>
                  <a:pt x="2416" y="1497"/>
                  <a:pt x="2524" y="1496"/>
                  <a:pt x="2632" y="1496"/>
                </a:cubicBezTo>
                <a:cubicBezTo>
                  <a:pt x="2701" y="1496"/>
                  <a:pt x="2770" y="1496"/>
                  <a:pt x="2839" y="1497"/>
                </a:cubicBezTo>
                <a:cubicBezTo>
                  <a:pt x="2854" y="1497"/>
                  <a:pt x="2868" y="1497"/>
                  <a:pt x="2883" y="1497"/>
                </a:cubicBezTo>
                <a:cubicBezTo>
                  <a:pt x="3294" y="1497"/>
                  <a:pt x="3731" y="1436"/>
                  <a:pt x="4129" y="1436"/>
                </a:cubicBezTo>
                <a:cubicBezTo>
                  <a:pt x="4251" y="1436"/>
                  <a:pt x="4369" y="1442"/>
                  <a:pt x="4482" y="1457"/>
                </a:cubicBezTo>
                <a:cubicBezTo>
                  <a:pt x="4787" y="1498"/>
                  <a:pt x="5090" y="1509"/>
                  <a:pt x="5391" y="1509"/>
                </a:cubicBezTo>
                <a:cubicBezTo>
                  <a:pt x="5758" y="1509"/>
                  <a:pt x="6123" y="1492"/>
                  <a:pt x="6489" y="1492"/>
                </a:cubicBezTo>
                <a:cubicBezTo>
                  <a:pt x="6621" y="1492"/>
                  <a:pt x="6754" y="1495"/>
                  <a:pt x="6887" y="1501"/>
                </a:cubicBezTo>
                <a:cubicBezTo>
                  <a:pt x="6925" y="1502"/>
                  <a:pt x="6964" y="1503"/>
                  <a:pt x="7004" y="1503"/>
                </a:cubicBezTo>
                <a:cubicBezTo>
                  <a:pt x="7285" y="1503"/>
                  <a:pt x="7629" y="1467"/>
                  <a:pt x="7856" y="1467"/>
                </a:cubicBezTo>
                <a:cubicBezTo>
                  <a:pt x="7941" y="1467"/>
                  <a:pt x="8010" y="1472"/>
                  <a:pt x="8052" y="1486"/>
                </a:cubicBezTo>
                <a:cubicBezTo>
                  <a:pt x="8364" y="1591"/>
                  <a:pt x="8675" y="1609"/>
                  <a:pt x="8984" y="1609"/>
                </a:cubicBezTo>
                <a:cubicBezTo>
                  <a:pt x="9146" y="1609"/>
                  <a:pt x="9307" y="1604"/>
                  <a:pt x="9468" y="1604"/>
                </a:cubicBezTo>
                <a:cubicBezTo>
                  <a:pt x="9629" y="1604"/>
                  <a:pt x="9789" y="1609"/>
                  <a:pt x="9948" y="1629"/>
                </a:cubicBezTo>
                <a:cubicBezTo>
                  <a:pt x="10194" y="1660"/>
                  <a:pt x="10446" y="1670"/>
                  <a:pt x="10700" y="1670"/>
                </a:cubicBezTo>
                <a:cubicBezTo>
                  <a:pt x="11212" y="1670"/>
                  <a:pt x="11733" y="1628"/>
                  <a:pt x="12239" y="1628"/>
                </a:cubicBezTo>
                <a:cubicBezTo>
                  <a:pt x="12517" y="1628"/>
                  <a:pt x="12789" y="1641"/>
                  <a:pt x="13053" y="1680"/>
                </a:cubicBezTo>
                <a:cubicBezTo>
                  <a:pt x="13240" y="1708"/>
                  <a:pt x="13425" y="1719"/>
                  <a:pt x="13608" y="1719"/>
                </a:cubicBezTo>
                <a:cubicBezTo>
                  <a:pt x="14331" y="1719"/>
                  <a:pt x="15033" y="1546"/>
                  <a:pt x="15755" y="1546"/>
                </a:cubicBezTo>
                <a:cubicBezTo>
                  <a:pt x="16045" y="1546"/>
                  <a:pt x="16338" y="1574"/>
                  <a:pt x="16637" y="1652"/>
                </a:cubicBezTo>
                <a:cubicBezTo>
                  <a:pt x="16732" y="1677"/>
                  <a:pt x="16844" y="1686"/>
                  <a:pt x="16968" y="1686"/>
                </a:cubicBezTo>
                <a:cubicBezTo>
                  <a:pt x="17315" y="1686"/>
                  <a:pt x="17753" y="1614"/>
                  <a:pt x="18154" y="1614"/>
                </a:cubicBezTo>
                <a:cubicBezTo>
                  <a:pt x="18225" y="1614"/>
                  <a:pt x="18295" y="1616"/>
                  <a:pt x="18363" y="1622"/>
                </a:cubicBezTo>
                <a:cubicBezTo>
                  <a:pt x="18395" y="1624"/>
                  <a:pt x="18428" y="1625"/>
                  <a:pt x="18460" y="1625"/>
                </a:cubicBezTo>
                <a:cubicBezTo>
                  <a:pt x="18556" y="1625"/>
                  <a:pt x="18652" y="1616"/>
                  <a:pt x="18748" y="1612"/>
                </a:cubicBezTo>
                <a:cubicBezTo>
                  <a:pt x="20055" y="1556"/>
                  <a:pt x="21363" y="1447"/>
                  <a:pt x="22669" y="1447"/>
                </a:cubicBezTo>
                <a:cubicBezTo>
                  <a:pt x="22737" y="1447"/>
                  <a:pt x="22804" y="1448"/>
                  <a:pt x="22871" y="1448"/>
                </a:cubicBezTo>
                <a:cubicBezTo>
                  <a:pt x="22922" y="1449"/>
                  <a:pt x="22973" y="1449"/>
                  <a:pt x="23024" y="1449"/>
                </a:cubicBezTo>
                <a:cubicBezTo>
                  <a:pt x="24407" y="1449"/>
                  <a:pt x="25780" y="1310"/>
                  <a:pt x="27164" y="1299"/>
                </a:cubicBezTo>
                <a:cubicBezTo>
                  <a:pt x="27278" y="1298"/>
                  <a:pt x="27393" y="1298"/>
                  <a:pt x="27508" y="1298"/>
                </a:cubicBezTo>
                <a:cubicBezTo>
                  <a:pt x="28738" y="1298"/>
                  <a:pt x="29972" y="1347"/>
                  <a:pt x="31200" y="1350"/>
                </a:cubicBezTo>
                <a:cubicBezTo>
                  <a:pt x="31201" y="1350"/>
                  <a:pt x="31202" y="1350"/>
                  <a:pt x="31203" y="1350"/>
                </a:cubicBezTo>
                <a:cubicBezTo>
                  <a:pt x="31729" y="1350"/>
                  <a:pt x="31755" y="1074"/>
                  <a:pt x="31984" y="943"/>
                </a:cubicBezTo>
                <a:cubicBezTo>
                  <a:pt x="32178" y="833"/>
                  <a:pt x="32140" y="474"/>
                  <a:pt x="32007" y="268"/>
                </a:cubicBezTo>
                <a:cubicBezTo>
                  <a:pt x="31907" y="116"/>
                  <a:pt x="31755" y="53"/>
                  <a:pt x="31576" y="53"/>
                </a:cubicBezTo>
                <a:cubicBezTo>
                  <a:pt x="31461" y="53"/>
                  <a:pt x="31334" y="79"/>
                  <a:pt x="31203" y="124"/>
                </a:cubicBezTo>
                <a:cubicBezTo>
                  <a:pt x="31158" y="140"/>
                  <a:pt x="31109" y="146"/>
                  <a:pt x="31059" y="146"/>
                </a:cubicBezTo>
                <a:cubicBezTo>
                  <a:pt x="30913" y="146"/>
                  <a:pt x="30754" y="95"/>
                  <a:pt x="30606" y="83"/>
                </a:cubicBezTo>
                <a:cubicBezTo>
                  <a:pt x="29877" y="21"/>
                  <a:pt x="29146" y="0"/>
                  <a:pt x="28413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+mn-ea"/>
              <a:cs typeface="Arial"/>
              <a:sym typeface="Arial"/>
            </a:endParaRPr>
          </a:p>
        </p:txBody>
      </p:sp>
      <p:grpSp>
        <p:nvGrpSpPr>
          <p:cNvPr id="22" name="Grup 21"/>
          <p:cNvGrpSpPr/>
          <p:nvPr/>
        </p:nvGrpSpPr>
        <p:grpSpPr>
          <a:xfrm>
            <a:off x="5410200" y="1466850"/>
            <a:ext cx="5943600" cy="3448050"/>
            <a:chOff x="5410200" y="1466850"/>
            <a:chExt cx="5943600" cy="3448050"/>
          </a:xfrm>
        </p:grpSpPr>
        <p:pic>
          <p:nvPicPr>
            <p:cNvPr id="7" name="Google Shape;2287;p54"/>
            <p:cNvPicPr preferRelativeResize="0"/>
            <p:nvPr/>
          </p:nvPicPr>
          <p:blipFill rotWithShape="1">
            <a:blip r:embed="rId4">
              <a:alphaModFix/>
            </a:blip>
            <a:srcRect l="4395" r="4404"/>
            <a:stretch/>
          </p:blipFill>
          <p:spPr>
            <a:xfrm>
              <a:off x="5410200" y="1466850"/>
              <a:ext cx="5943600" cy="3448050"/>
            </a:xfrm>
            <a:prstGeom prst="rect">
              <a:avLst/>
            </a:prstGeom>
            <a:noFill/>
            <a:ln w="19050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</p:pic>
        <p:sp>
          <p:nvSpPr>
            <p:cNvPr id="21" name="Yuvarlatılmış Dikdörtgen 20">
              <a:hlinkClick r:id="" action="ppaction://hlinkshowjump?jump=nextslide"/>
            </p:cNvPr>
            <p:cNvSpPr/>
            <p:nvPr/>
          </p:nvSpPr>
          <p:spPr>
            <a:xfrm>
              <a:off x="6385809" y="2383436"/>
              <a:ext cx="3972393" cy="1617064"/>
            </a:xfrm>
            <a:prstGeom prst="roundRect">
              <a:avLst>
                <a:gd name="adj" fmla="val 44477"/>
              </a:avLst>
            </a:prstGeom>
            <a:solidFill>
              <a:srgbClr val="F3F3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Arial"/>
                  <a:ea typeface="+mn-ea"/>
                  <a:cs typeface="+mn-cs"/>
                </a:rPr>
                <a:t>Etkinlik için tıklayınız</a:t>
              </a:r>
            </a:p>
          </p:txBody>
        </p:sp>
      </p:grpSp>
      <p:sp>
        <p:nvSpPr>
          <p:cNvPr id="23" name="Dikdörtgen 22"/>
          <p:cNvSpPr/>
          <p:nvPr/>
        </p:nvSpPr>
        <p:spPr>
          <a:xfrm>
            <a:off x="2350731" y="6084516"/>
            <a:ext cx="305731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  <a:hlinkClick r:id="rId5"/>
              </a:rPr>
              <a:t>www.dindersimateryal.com</a:t>
            </a:r>
            <a:r>
              <a:rPr kumimoji="0" lang="tr-TR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+mn-ea"/>
                <a:cs typeface="+mn-cs"/>
              </a:rPr>
              <a:t> 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2887641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Resim 2">
            <a:extLst>
              <a:ext uri="{FF2B5EF4-FFF2-40B4-BE49-F238E27FC236}">
                <a16:creationId xmlns:a16="http://schemas.microsoft.com/office/drawing/2014/main" id="{E0A35A90-42A4-BD65-6197-31C4FD50614A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23728347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ROJECT_OPEN" val="0"/>
  <p:tag name="ARTICULATE_SLIDE_COUNT" val="20"/>
  <p:tag name="ISPRING_UUID" val="{43CE61A8-A68F-44D8-89E7-EBC1B8B828E2}"/>
  <p:tag name="ISPRING_RESOURCE_FOLDER" val="C:\Users\Monster\Desktop\SUNULAR\4. SINIF\2. ÜNİTE\4.2.3. Kur’an-ı Kerim\"/>
  <p:tag name="ISPRING_PRESENTATION_PATH" val="C:\Users\Monster\Desktop\SUNULAR\4. SINIF\2. ÜNİTE\4.2.3. Kur’an-ı Kerim.pptx"/>
  <p:tag name="ISPRING_PROJECT_VERSION" val="9.3"/>
  <p:tag name="ISPRING_PROJECT_FOLDER_UPDATED" val="1"/>
  <p:tag name="ISPRING_SCREEN_RECS_UPDATED" val="C:\Users\Monster\Desktop\SUNULAR\4. SINIF\2. ÜNİTE\4.2.3. Kur’an-ı Kerim\"/>
  <p:tag name="ISPRING-SUITE_ISPRING_PLAYERS_CUSTOMIZATION_2" val="{&quot;universal&quot;:{&quot;skinSettings&quot;:{&quot;borderRadius&quot;:20,&quot;colors&quot;:{&quot;asideBackground&quot;:{&quot;color&quot;:&quot;#EFF1F2&quot;,&quot;opacity&quot;:1,&quot;type&quot;:&quot;SOLID&quot;},&quot;asideElementBackgroundActive&quot;:{&quot;color&quot;:&quot;#A282ED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FFFFFF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degree&quot;:90,&quot;gradient&quot;:[{&quot;color&quot;:&quot;#8695FF&quot;,&quot;opacity&quot;:1},{&quot;color&quot;:&quot;#D65FCC&quot;,&quot;opacity&quot;:1}],&quot;type&quot;:&quot;GRADIENT&quot;},&quot;primaryButtonBackgroundHover&quot;:{&quot;degree&quot;:180,&quot;gradient&quot;:[{&quot;color&quot;:&quot;#8695FF&quot;,&quot;opacity&quot;:1},{&quot;color&quot;:&quot;#D65FCC&quot;,&quot;opacity&quot;:1}],&quot;type&quot;:&quot;GRADIENT&quot;},&quot;primaryButtonBorder&quot;:{&quot;color&quot;:&quot;#8962DB&quot;,&quot;opacity&quot;:0,&quot;type&quot;:&quot;SOLID&quot;},&quot;primaryButtonBorderHover&quot;:{&quot;color&quot;:&quot;#7150B6&quot;,&quot;opacity&quot;:0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true,&quot;showSlideNumbers&quot;:true,&quot;showSlideOnlyButton&quot;:true,&quot;showTimer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true,&quot;showLogo&quot;:tru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Sonraki&quot;,&quot;PB_ACCESSIBLE_NAVIGATION_PREV_BUTTON&quot;:&quot;Önceki 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ökoman&quot;,&quot;PB_ATTACHMENT_FILE_SUBTITLE&quot;:&quot;Dosya&quot;,&quot;PB_ATTACHMENT_IMAGE_SUBTITLE&quot;:&quot;Resim&quot;,&quot;PB_ATTACHMENT_LINK_SUBTITLE&quot;:&quot;Link&quot;,&quot;PB_ATTACHMENT_VIDEO_SUBTITLE&quot;:&quot;Video&quot;,&quot;PB_BACK_TO_APP_BUTTON_LABEL&quot;:&quot;Geri&quot;,&quot;PB_CC_MENU_OFF&quot;:&quot;Off&quot;,&quot;PB_CC_MENU_ON&quot;:&quot;On&quot;,&quot;PB_CC_MENU_TITLE&quot;:&quot;Notes&quot;,&quot;PB_CONTROL_PANEL_CLOSED_CAPTIONS&quot;:&quot;PB_CONTROL_PANEL_CLOSED_CAPTIONS&quot;,&quot;PB_CONTROL_PANEL_EXIT_FULL_SCREEN&quot;:&quot;Tam ekrandan çık&quot;,&quot;PB_CONTROL_PANEL_FULL_SCREEN&quot;:&quot;Tam ekran&quot;,&quot;PB_CONTROL_PANEL_NEXT&quot;:&quot;SONRAKİ&quot;,&quot;PB_CONTROL_PANEL_OUTLINE&quot;:&quot;OUTLINE&quot;,&quot;PB_CONTROL_PANEL_PREV&quot;:&quot;ÖNCEKİ&quot;,&quot;PB_CONTROL_PANEL_REPLAY&quot;:&quot;Tekrarlama&quot;,&quot;PB_CONTROL_PANEL_SLIDE_COUNTER&quot;:&quot;%SLIDE_NUMBER%\/%TOTAL_SLIDES%&quot;,&quot;PB_CONTROL_PANEL_VOLUME_CONTROL&quot;:&quot;Ses seviyesi&quot;,&quot;PB_CURRENT_SLIDE_IS_NOT_COMPLETED&quot;:&quot;Devam etmek için slaydın tamamını görüntülemeniz gerekiyor&quot;,&quot;PB_DOMAIN_RESTRICTION&quot;:&quot;Üzgünüz, yazar bu alandaki sunumun görüntülenmesini devre dışı bırakt&quot;,&quot;PB_DRAWING_TOOLS_END_DRAWING&quot;:&quot;Çizimi sonlandır&quot;,&quot;PB_DRAWING_TOOLS_ERASER&quot;:&quot;Silgi&quot;,&quot;PB_DRAWING_TOOLS_ERASE_ALL&quot;:&quot;Tümünü Sil&quot;,&quot;PB_DRAWING_TOOLS_HIGHLIGHTER&quot;:&quot;İşaretleyici&quot;,&quot;PB_DRAWING_TOOLS_PEN&quot;:&quot;Kalem&quot;,&quot;PB_ENTER_PASSWORD&quot;:&quot;Sunuyu görüntülemek için şifre girin&quot;,&quot;PB_INCORRECT_PASSWORD&quot;:&quot;Şire yanlış&quot;,&quot;PB_INTERACTION_SLIDE_WINDOW_TEXT&quot;:&quot;Bu slayttan ayrılmadan önce etkileşimi tamamlamanız gerekmektedir.&quot;,&quot;PB_MESSAGE_BOX_NO&quot;:&quot;HAYIR&quot;,&quot;PB_MESSAGE_BOX_OK&quot;:&quot;Tamam&quot;,&quot;PB_MESSAGE_BOX_YES&quot;:&quot;EVET&quot;,&quot;PB_NAVIGATION_IS_RESTRICTED&quot;:&quot;Yalnızca daha önce görüntülenen slaytlara erişebilirsiniz.&quot;,&quot;PB_NAVIGATION_IS_SEQUENTIAL&quot;:&quot;Slaytları verilen sırayla görüntülemeniz gerekir.&quot;,&quot;PB_PLAYBACK_RATE_MENU_CAPTION&quot;:&quot;Speed&quot;,&quot;PB_PRECEDING_QUIZ_FAILED_WINDOW_TEXT&quot;:&quot;%SLIDE_INDEX% slaytındaki sınavı geçemediğiniz için ilerleyemezsiniz.&quot;,&quot;PB_PRECEDING_QUIZ_NOT_COMPLETED_WINDOW_TEXT&quot;:&quot;İlerlemek için %SLIDE_INDEX% slaytındaki testi denemelisiniz.&quot;,&quot;PB_PRECEDING_QUIZ_NOT_PASSED_WINDOW_TEXT&quot;:&quot;İlerlemek için %SLIDE_INDEX% slaytındaki testi geçmelisiniz.&quot;,&quot;PB_PRECEDING_SCENARIO_FAILED_WINDOW_TEXT&quot;:&quot;%SLIDEINDEX% slaytındaki simülasyonu geçemediğiniz için ilerleyemezsiniz.&quot;,&quot;PB_PRECEDING_SCENARIO_NOT_COMPLETED_WINDOW_TEXT&quot;:&quot;İlerlemek için %SLIDE_INDEX% slaytındaki simülasyonu denemelisiniz.&quot;,&quot;PB_PRECEDING_SCENARIO_NOT_PASSED_WINDOW_TEXT&quot;:&quot;İlerlemek için %SLIDE_INDEX% slaytındaki simülasyonu geçmelisiniz.&quot;,&quot;PB_PRESENTER_COLLAPSE_BIO&quot;:&quot;Daha faz göster&quot;,&quot;PB_PRESENTER_EMAIL&quot;:&quot;Email&quot;,&quot;PB_PRESENTER_EXPAND_BIO&quot;:&quot;Daha fazla göster&quot;,&quot;PB_PRESENTER_NO_INFO&quot;:&quot;Sunucu Bilgisi Yok&quot;,&quot;PB_PRESENTER_WEBSITE&quot;:&quot;Website&quot;,&quot;PB_QUIZ_SLIDE_WINDOW_TEXT&quot;:&quot;Bu slayttan ayrılmadan önce testi tamamlamanız gerekmektedir.&quot;,&quot;PB_RATE_MENU_CAPTION&quot;:&quot;Hız&quot;,&quot;PB_RATE_MENU_DEFAULT_RATE&quot;:&quot;Normal&quot;,&quot;PB_RESUME_PRESENTATION_WINDOW_TEXT&quot;:&quot;Sunuyu son görüntülenen slayttan devam ettirmek ister misiniz?&quot;,&quot;PB_SCENARIO_SLIDE_WINDOW_TEXT&quot;:&quot;Bu slayttan ayrılmadan önce simülasyonu tamamlamanız gerekmektedir.&quot;,&quot;PB_SEARCH_CANCEL&quot;:&quot;İptal&quot;,&quot;PB_SEARCH_NO_RESULTS_LABEL&quot;:&quot;Hiçbir sonuç bulunamadı&quot;,&quot;PB_SEARCH_PANEL_DEFAULT_TEXT&quot;:&quot;Ara&quot;,&quot;PB_SEARCH_RESULTS_LABEL&quot;:&quot;ARARMA SONUÇLARI&quot;,&quot;PB_SEARCH_RESULT_IN_NOTES&quot;:&quot;Notlarda ara&quot;,&quot;PB_SEARCH_RESULT_IN_TEXT_LABEL&quot;:&quot;[slayt metni&quot;,&quot;PB_SUBTITLES_MENU_CAPTION&quot;:&quot;Subtitles&quot;,&quot;PB_SUBTITLES_OFF&quot;:&quot;Off&quot;,&quot;PB_TAB_NOTES_LABEL&quot;:&quot;Notlar&quot;,&quot;PB_TAB_OUTLINE_LABEL&quot;:&quot;İÇİNDEKİLER&quot;,&quot;PB_TIME_RESTRICTION&quot;:&quot;Üzgünüz, yazar şu anda sunumu görüntülemeyi devre dışı bıraktı.&quot;,&quot;PB_TITLE_PANEL_ATTACHMENTS&quot;:&quot;www.dindersimateryal.com&quot;,&quot;PB_TITLE_PANEL_MARKER_TOOLS&quot;:&quot;Kalem\/İşaretleyici&quot;,&quot;PB_TITLE_PANEL_NOTES&quot;:&quot;Notlar&quot;,&quot;PB_TITLE_PANEL_OUTLINE&quot;:&quot;İçindekiler&quot;,&quot;PB_TITLE_PANEL_PRESENTER_INFO&quot;:&quot;Sunucu Bilgisi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COMPANY_WEBSITE&quot;,&quot;DT_COURSE_TITLE&quot;,&quot;DT_SLIDE_TITLE&quot;,&quot;DT_SLIDE_NOTES_TEXT&quot;,&quot;DT_SLIDE_TEXT&quot;,&quot;DT_HYPERLINK_TOOLTIP&quot;]},&quot;resources&quot;:{&quot;attachments&quot;:false,&quot;companyLogos&quot;:{&quot;enlargeToFit&quot;:false,&quot;height&quot;:156,&quot;jpegQuality&quot;:100,&quot;keepAspectRatio&quot;:true,&quot;width&quot;:266},&quot;fonts&quot;:[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SLIDE_TITLE&quot;,&quot;DCT_SLIDE_NOTES_TEXT&quot;,&quot;DCT_SLIDE_TEXT&quot;,&quot;DCT_HYPERLINK_TOOLTIP&quot;],&quot;static&quot;:[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Tekrarlama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replay,fullscreen,volumeControl,slideNumber,goToPrev,goToNext&quot;,&quot;playerLayoutHeader&quot;:&quot;markerTools,outline,title,logo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20,&quot;playerThemeColorScheme&quot;:&quot;builtin.lightPurple&quot;,&quot;playerThemeFont&quot;:&quot;Arial&quot;}}}"/>
  <p:tag name="ISPRING-SUITE_ISPRING_CURRENT_PLAYER_ID" val="universal"/>
  <p:tag name="ISPRING_PRESENTATION_COURSE_TITLE" val="4.2.3. Kur’an-ı Kerim"/>
  <p:tag name="ISPRING_LMS_API_VERSION" val="SCORM 2004 (4th edition)"/>
  <p:tag name="ISPRING_ULTRA_SCORM_COURSE_ID" val="F7A26E62-C8F5-4311-852F-7702B7FA6576"/>
  <p:tag name="ISPRING_CMI5_LAUNCH_METHOD" val="any window"/>
  <p:tag name="İSPRİNGCLOUDFOLDERID" val="1"/>
  <p:tag name="İSPRİNGONLİNEFOLDERID" val="1"/>
  <p:tag name="ISPRING_OUTPUT_FOLDER" val="[[&quot;W\uFFFD\uFFFD{B183E348-C202-44F7-B565-2C1AFCBC22E2}&quot;,&quot;C:\\Users\\Monster\\Desktop\\SUNULAR\\4. SINIF\\2. ÜNİ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PASSING_SCORE" val="0.000000"/>
  <p:tag name="ISPRING_PRESENTATION_TITLE" val="4.2.3. Kur’an-ı Kerim"/>
  <p:tag name="ISPRING_FIRST_PUBLISH" val="1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F92D4E6-63EF-473B-862D-4C621D3DCD60}:28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345D050-DC5A-46C7-A958-C9D511F180AD}:28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63E41F6-4786-4B40-A512-EB9EE347CCAF}:39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s://wordwall.net/play/24512/664/753"/>
  <p:tag name="ISPRING_WO_DISPLAY_IN_SLIDE" val="1"/>
  <p:tag name="ISPRING_WO_FULL_SIZE" val="1"/>
  <p:tag name="ISPRING_WO_WINDOW_WIDTH" val="720"/>
  <p:tag name="ISPRING_WO_WINDOW_HEIGHT" val="540"/>
  <p:tag name="ISPRING_WO_SHOW_AFTER" val="0"/>
  <p:tag name="ISPRING_WO_INCLUDE_FILES_AND_SUBFOLDERS" val="0"/>
  <p:tag name="ISPRING_WO_SLIDE_POS_X" val="0"/>
  <p:tag name="ISPRING_WO_SLIDE_POS_Y" val="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6F64C2D-F27E-49AB-BEEB-1BFB07D26F09}:264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5A0EABA-E6E4-4509-B4CD-BCDD85312507}:26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84E3E6-37E1-4C9A-862E-E40656D8A2AF}:284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F8DC10B-7EBF-4188-A6C2-285BC1F9AEAE}:28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76CD0FD-6E6E-4B4C-8C3D-782F919C62AB}:286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3E954CD-BD4C-4E43-AEAD-283D51747420}:27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D54D66C-7D45-408E-A251-70DE2202090A}:274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HotspotImage"/>
  <p:tag name="ISPRING_INTERACTION_FULL_PATH" val="C:\Users\Monster\Desktop\SUNULAR\4. SINIF\2. ÜNİTE\4.2.3. Kur’an-ı Kerim\interactions\intr1.visuals"/>
  <p:tag name="ISPRING_INTERACTION_RELATIVE_PATH" val="4.2.3. Kur’an-ı Kerim\interactions\intr1.visuals"/>
  <p:tag name="GENSWF_SLIDE_UID" val="{F0AC21A2-B16D-4D58-A3EB-E7F2F97F84ED}:288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EBD1623-121C-4AC1-BAEF-CAAA12ECF7F9}:282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5A8BE0C-9783-41A8-8BC0-8493070C393B}:394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s://wordwall.net/play/617/852/571"/>
  <p:tag name="ISPRING_WO_DISPLAY_IN_SLIDE" val="1"/>
  <p:tag name="ISPRING_WO_FULL_SIZE" val="1"/>
  <p:tag name="ISPRING_WO_WINDOW_WIDTH" val="720"/>
  <p:tag name="ISPRING_WO_WINDOW_HEIGHT" val="540"/>
  <p:tag name="ISPRING_WO_SHOW_AFTER" val="0"/>
  <p:tag name="ISPRING_WO_INCLUDE_FILES_AND_SUBFOLDERS" val="0"/>
  <p:tag name="ISPRING_WO_SLIDE_POS_X" val="0"/>
  <p:tag name="ISPRING_WO_SLIDE_POS_Y" val="0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E307D0A-07B6-407F-BEC4-35A0446E7F85}:268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4E386BE-A38D-4196-8B42-9FC228306E63}:269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5046C3-B807-4431-A3EC-2C8DB0F994DF}:270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CC943FF-B3FA-443F-A025-63AAA9265416}:395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B34F8BA-A9A6-41F7-8673-EB9CEFB168FC}:39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53E1398-2029-44F8-8303-BDAE65D7FA91}:256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s://wordwall.net/play/617/916/110"/>
  <p:tag name="ISPRING_WO_DISPLAY_IN_SLIDE" val="1"/>
  <p:tag name="ISPRING_WO_FULL_SIZE" val="1"/>
  <p:tag name="ISPRING_WO_WINDOW_WIDTH" val="720"/>
  <p:tag name="ISPRING_WO_WINDOW_HEIGHT" val="540"/>
  <p:tag name="ISPRING_WO_SHOW_AFTER" val="0"/>
  <p:tag name="ISPRING_WO_INCLUDE_FILES_AND_SUBFOLDERS" val="0"/>
  <p:tag name="ISPRING_WO_SLIDE_POS_X" val="0"/>
  <p:tag name="ISPRING_WO_SLIDE_POS_Y" val="0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GENSWF_SLIDE_UID" val="{CAF0FEAD-FD3B-488A-88D4-2AF3BD4567AF}:391"/>
  <p:tag name="AUDIO_ID" val="391"/>
  <p:tag name="ARTICULATE_USED_LAYOUT" val="7"/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E39A655-2D28-47F6-BBF0-F6BAD4EE0582}:25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2E2DEC-FD6B-4309-B47B-74506BE2D7CE}:26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31D8A36-592B-471E-B7C9-6D160BD4D195}:39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s://wordwall.net/play/82012/701/382"/>
  <p:tag name="ISPRING_WO_DISPLAY_IN_SLIDE" val="1"/>
  <p:tag name="ISPRING_WO_FULL_SIZE" val="1"/>
  <p:tag name="ISPRING_WO_WINDOW_WIDTH" val="720"/>
  <p:tag name="ISPRING_WO_WINDOW_HEIGHT" val="540"/>
  <p:tag name="ISPRING_WO_SHOW_AFTER" val="0"/>
  <p:tag name="ISPRING_WO_INCLUDE_FILES_AND_SUBFOLDERS" val="0"/>
  <p:tag name="ISPRING_WO_SLIDE_POS_X" val="0"/>
  <p:tag name="ISPRING_WO_SLIDE_POS_Y" val="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3E70615-A8B2-4881-A5D5-7E686C086551}:287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A7EB64-A235-4780-A886-0ED9289D42AC}:262"/>
</p:tagLst>
</file>

<file path=ppt/theme/theme1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3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2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5.xml><?xml version="1.0" encoding="utf-8"?>
<a:theme xmlns:a="http://schemas.openxmlformats.org/drawingml/2006/main" name="Contents Slide Master">
  <a:themeElements>
    <a:clrScheme name="ALLPPT-COLOR-A23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F8B2A3"/>
      </a:accent1>
      <a:accent2>
        <a:srgbClr val="A4B4EA"/>
      </a:accent2>
      <a:accent3>
        <a:srgbClr val="9AD3E9"/>
      </a:accent3>
      <a:accent4>
        <a:srgbClr val="98DFBB"/>
      </a:accent4>
      <a:accent5>
        <a:srgbClr val="CBCBCB"/>
      </a:accent5>
      <a:accent6>
        <a:srgbClr val="576868"/>
      </a:accent6>
      <a:hlink>
        <a:srgbClr val="3F3F3F"/>
      </a:hlink>
      <a:folHlink>
        <a:srgbClr val="3F3F3F"/>
      </a:folHlink>
    </a:clrScheme>
    <a:fontScheme name="ALLPPT FONT">
      <a:majorFont>
        <a:latin typeface="Arial"/>
        <a:ea typeface="Arial Unicode MS"/>
        <a:cs typeface=""/>
      </a:majorFont>
      <a:minorFont>
        <a:latin typeface="Arial"/>
        <a:ea typeface="Arial Unicode MS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9AD3E9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</a:theme>
</file>

<file path=ppt/theme/theme6.xml><?xml version="1.0" encoding="utf-8"?>
<a:theme xmlns:a="http://schemas.openxmlformats.org/drawingml/2006/main" name="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7.xml><?xml version="1.0" encoding="utf-8"?>
<a:theme xmlns:a="http://schemas.openxmlformats.org/drawingml/2006/main" name="SKETCH LESSON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FEB8B3"/>
      </a:accent1>
      <a:accent2>
        <a:srgbClr val="A6DFDA"/>
      </a:accent2>
      <a:accent3>
        <a:srgbClr val="FED58A"/>
      </a:accent3>
      <a:accent4>
        <a:srgbClr val="FF9991"/>
      </a:accent4>
      <a:accent5>
        <a:srgbClr val="8FE2DB"/>
      </a:accent5>
      <a:accent6>
        <a:srgbClr val="FFBF49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8.xml><?xml version="1.0" encoding="utf-8"?>
<a:theme xmlns:a="http://schemas.openxmlformats.org/drawingml/2006/main" name="9_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9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477</TotalTime>
  <Words>561</Words>
  <Application>Microsoft Office PowerPoint</Application>
  <PresentationFormat>Geniş ekran</PresentationFormat>
  <Paragraphs>130</Paragraphs>
  <Slides>25</Slides>
  <Notes>25</Notes>
  <HiddenSlides>0</HiddenSlides>
  <MMClips>1</MMClips>
  <ScaleCrop>false</ScaleCrop>
  <HeadingPairs>
    <vt:vector size="6" baseType="variant">
      <vt:variant>
        <vt:lpstr>Kullanılan Yazı Tipleri</vt:lpstr>
      </vt:variant>
      <vt:variant>
        <vt:i4>17</vt:i4>
      </vt:variant>
      <vt:variant>
        <vt:lpstr>Tema</vt:lpstr>
      </vt:variant>
      <vt:variant>
        <vt:i4>8</vt:i4>
      </vt:variant>
      <vt:variant>
        <vt:lpstr>Slayt Başlıkları</vt:lpstr>
      </vt:variant>
      <vt:variant>
        <vt:i4>25</vt:i4>
      </vt:variant>
    </vt:vector>
  </HeadingPairs>
  <TitlesOfParts>
    <vt:vector size="50" baseType="lpstr">
      <vt:lpstr>맑은 고딕</vt:lpstr>
      <vt:lpstr>Adobe Gothic Std B</vt:lpstr>
      <vt:lpstr>Aptos</vt:lpstr>
      <vt:lpstr>Arial</vt:lpstr>
      <vt:lpstr>Arial Black</vt:lpstr>
      <vt:lpstr>Articulate Extrabold</vt:lpstr>
      <vt:lpstr>Bahnschrift SemiCondensed</vt:lpstr>
      <vt:lpstr>Calibri</vt:lpstr>
      <vt:lpstr>Calibri Light</vt:lpstr>
      <vt:lpstr>Comfortaa</vt:lpstr>
      <vt:lpstr>Helvetica</vt:lpstr>
      <vt:lpstr>Open Sans</vt:lpstr>
      <vt:lpstr>Permanent Marker</vt:lpstr>
      <vt:lpstr>Roboto</vt:lpstr>
      <vt:lpstr>Segoe UI</vt:lpstr>
      <vt:lpstr>Segoe UI Semibold</vt:lpstr>
      <vt:lpstr>Wingdings</vt:lpstr>
      <vt:lpstr>Office Teması</vt:lpstr>
      <vt:lpstr>3_Office Theme</vt:lpstr>
      <vt:lpstr>2_Office Teması</vt:lpstr>
      <vt:lpstr>Office Theme</vt:lpstr>
      <vt:lpstr>Contents Slide Master</vt:lpstr>
      <vt:lpstr>JAY DESIGN</vt:lpstr>
      <vt:lpstr>SKETCH LESSON</vt:lpstr>
      <vt:lpstr>9_Office Theme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</vt:vector>
  </TitlesOfParts>
  <Company>NouS/TncTR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4.2.3. Kur’an-ı Kerim</dc:title>
  <dc:creator>Mustafa Yıldırım</dc:creator>
  <cp:lastModifiedBy>Mustafa YILDIRIM</cp:lastModifiedBy>
  <cp:revision>56</cp:revision>
  <dcterms:created xsi:type="dcterms:W3CDTF">2019-10-09T20:40:25Z</dcterms:created>
  <dcterms:modified xsi:type="dcterms:W3CDTF">2024-11-15T20:14:4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CEDCF984-C88D-43CF-A633-3F2810D4BB9A</vt:lpwstr>
  </property>
  <property fmtid="{D5CDD505-2E9C-101B-9397-08002B2CF9AE}" pid="3" name="ArticulatePath">
    <vt:lpwstr>4.2.3. Kur’an-ı Kerim</vt:lpwstr>
  </property>
</Properties>
</file>